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ink/ink1.xml" ContentType="application/inkml+xml"/>
  <Override PartName="/xl/ink/ink2.xml" ContentType="application/inkml+xml"/>
  <Override PartName="/xl/ink/ink3.xml" ContentType="application/inkml+xml"/>
  <Override PartName="/xl/ink/ink4.xml" ContentType="application/inkml+xml"/>
  <Override PartName="/xl/ink/ink5.xml" ContentType="application/inkml+xml"/>
  <Override PartName="/xl/ink/ink6.xml" ContentType="application/inkml+xml"/>
  <Override PartName="/xl/ink/ink7.xml" ContentType="application/inkml+xml"/>
  <Override PartName="/xl/ink/ink8.xml" ContentType="application/inkml+xml"/>
  <Override PartName="/xl/ink/ink9.xml" ContentType="application/inkml+xml"/>
  <Override PartName="/xl/ink/ink10.xml" ContentType="application/inkml+xml"/>
  <Override PartName="/xl/ink/ink11.xml" ContentType="application/inkml+xml"/>
  <Override PartName="/xl/ink/ink12.xml" ContentType="application/inkml+xml"/>
  <Override PartName="/xl/ink/ink13.xml" ContentType="application/inkml+xml"/>
  <Override PartName="/xl/ink/ink14.xml" ContentType="application/inkml+xml"/>
  <Override PartName="/xl/ink/ink15.xml" ContentType="application/inkml+xml"/>
  <Override PartName="/xl/ink/ink16.xml" ContentType="application/inkml+xml"/>
  <Override PartName="/xl/ink/ink17.xml" ContentType="application/inkml+xml"/>
  <Override PartName="/xl/ink/ink18.xml" ContentType="application/inkml+xml"/>
  <Override PartName="/xl/ink/ink19.xml" ContentType="application/inkml+xml"/>
  <Override PartName="/xl/ink/ink20.xml" ContentType="application/inkml+xml"/>
  <Override PartName="/xl/ink/ink21.xml" ContentType="application/inkml+xml"/>
  <Override PartName="/xl/ink/ink22.xml" ContentType="application/inkml+xml"/>
  <Override PartName="/xl/ink/ink23.xml" ContentType="application/inkml+xml"/>
  <Override PartName="/xl/ink/ink24.xml" ContentType="application/inkml+xml"/>
  <Override PartName="/xl/ink/ink25.xml" ContentType="application/inkml+xml"/>
  <Override PartName="/xl/ink/ink26.xml" ContentType="application/inkml+xml"/>
  <Override PartName="/xl/ink/ink27.xml" ContentType="application/inkml+xml"/>
  <Override PartName="/xl/ink/ink28.xml" ContentType="application/inkml+xml"/>
  <Override PartName="/xl/ink/ink29.xml" ContentType="application/inkml+xml"/>
  <Override PartName="/xl/ink/ink30.xml" ContentType="application/inkml+xml"/>
  <Override PartName="/xl/ink/ink31.xml" ContentType="application/inkml+xml"/>
  <Override PartName="/xl/ink/ink32.xml" ContentType="application/inkml+xml"/>
  <Override PartName="/xl/ink/ink33.xml" ContentType="application/inkml+xml"/>
  <Override PartName="/xl/ink/ink34.xml" ContentType="application/inkml+xml"/>
  <Override PartName="/xl/ink/ink35.xml" ContentType="application/inkml+xml"/>
  <Override PartName="/xl/ink/ink36.xml" ContentType="application/inkml+xml"/>
  <Override PartName="/xl/ink/ink37.xml" ContentType="application/inkml+xml"/>
  <Override PartName="/xl/ink/ink38.xml" ContentType="application/inkml+xml"/>
  <Override PartName="/xl/ink/ink39.xml" ContentType="application/inkml+xml"/>
  <Override PartName="/xl/ink/ink40.xml" ContentType="application/inkml+xml"/>
  <Override PartName="/xl/ink/ink41.xml" ContentType="application/inkml+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730"/>
  <workbookPr defaultThemeVersion="166925"/>
  <mc:AlternateContent xmlns:mc="http://schemas.openxmlformats.org/markup-compatibility/2006">
    <mc:Choice Requires="x15">
      <x15ac:absPath xmlns:x15ac="http://schemas.microsoft.com/office/spreadsheetml/2010/11/ac" url="C:\Users\i329050\Documents\SCC\L I O N\V3.2\"/>
    </mc:Choice>
  </mc:AlternateContent>
  <xr:revisionPtr revIDLastSave="0" documentId="13_ncr:1_{3B7583CD-F6B0-4A85-913A-346ED216E29E}" xr6:coauthVersionLast="36" xr6:coauthVersionMax="36" xr10:uidLastSave="{00000000-0000-0000-0000-000000000000}"/>
  <bookViews>
    <workbookView xWindow="0" yWindow="0" windowWidth="2160" windowHeight="0" activeTab="4" xr2:uid="{00000000-000D-0000-FFFF-FFFF00000000}"/>
  </bookViews>
  <sheets>
    <sheet name="Cover" sheetId="19" r:id="rId1"/>
    <sheet name="Version History" sheetId="21" r:id="rId2"/>
    <sheet name="Process Flow" sheetId="22" r:id="rId3"/>
    <sheet name="Rules &amp; Notes" sheetId="23" r:id="rId4"/>
    <sheet name="Invoice" sheetId="11" r:id="rId5"/>
    <sheet name="Credit Memo" sheetId="10" r:id="rId6"/>
    <sheet name="Closure Cover " sheetId="18" r:id="rId7"/>
  </sheets>
  <definedNames>
    <definedName name="_Toc523929910" localSheetId="3">'Rules &amp; Notes'!$M$3</definedName>
  </definedNames>
  <calcPr calcId="179017"/>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0" uniqueCount="275">
  <si>
    <t>Description</t>
  </si>
  <si>
    <t xml:space="preserve">Version History </t>
  </si>
  <si>
    <t>Date</t>
  </si>
  <si>
    <t>Author</t>
  </si>
  <si>
    <t>cXML</t>
  </si>
  <si>
    <t>Integrated Seller Transaction Workbook</t>
  </si>
  <si>
    <t>Dean Worth</t>
  </si>
  <si>
    <t>Updated to new format, small changes made to field contents</t>
  </si>
  <si>
    <t>Segment</t>
  </si>
  <si>
    <t>cXML file</t>
  </si>
  <si>
    <t>Ariba comment</t>
  </si>
  <si>
    <t>Invoice / Credit Memo</t>
  </si>
  <si>
    <t>&lt;?xml version="1.0" encoding="UTF-8"?&gt;</t>
  </si>
  <si>
    <t>&lt;!DOCTYPE cXML SYSTEM "http://xml.cxml.org/schemas/cXML/1.2.038/InvoiceDetail.dtd"&gt;</t>
  </si>
  <si>
    <t>PayloadID must be unique</t>
  </si>
  <si>
    <t xml:space="preserve">    &lt;Header&gt;</t>
  </si>
  <si>
    <t xml:space="preserve">        &lt;From&gt;</t>
  </si>
  <si>
    <t xml:space="preserve">            &lt;Credential</t>
  </si>
  <si>
    <t xml:space="preserve">            domain="NetworkID"&gt;</t>
  </si>
  <si>
    <t xml:space="preserve">                &lt;Identity&gt;AN01409474xxx-T&lt;/Identity&gt;</t>
  </si>
  <si>
    <t>Supplier ANID</t>
  </si>
  <si>
    <t xml:space="preserve">        &lt;/From&gt;</t>
  </si>
  <si>
    <t xml:space="preserve">        &lt;To&gt;</t>
  </si>
  <si>
    <t xml:space="preserve">                &lt;Identity&gt;AN01038174715-T&lt;/Identity&gt;</t>
  </si>
  <si>
    <t>Buyer ANID</t>
  </si>
  <si>
    <t xml:space="preserve">            &lt;/Credential&gt;</t>
  </si>
  <si>
    <t xml:space="preserve">        &lt;/To&gt;</t>
  </si>
  <si>
    <t xml:space="preserve">        &lt;Sender&gt;</t>
  </si>
  <si>
    <t xml:space="preserve">            &lt;Credential domain="NetworkID"&gt;</t>
  </si>
  <si>
    <t xml:space="preserve">                &lt;Identity&gt;AN01000000001&lt;/Identity&gt;</t>
  </si>
  <si>
    <t xml:space="preserve">               &lt;SharedSecret&gt;Supplier Shared Secret&lt;/SharedSecret&gt;</t>
  </si>
  <si>
    <t>Shared Secret for Authentication</t>
  </si>
  <si>
    <t xml:space="preserve">            &lt;UserAgent&gt;SCMSupplier&lt;/UserAgent&gt;</t>
  </si>
  <si>
    <t xml:space="preserve">        &lt;/Sender&gt;</t>
  </si>
  <si>
    <t xml:space="preserve">    &lt;/Header&gt;</t>
  </si>
  <si>
    <t xml:space="preserve">    &lt;Request deploymentMode="test"&gt;</t>
  </si>
  <si>
    <t xml:space="preserve">        &lt;InvoiceDetailRequest&gt;</t>
  </si>
  <si>
    <t xml:space="preserve">            &lt;InvoiceDetailRequestHeader invoiceDate="2018-07-23T10:41:33+05:30"</t>
  </si>
  <si>
    <t xml:space="preserve">    invoiceID="INV_7500000157" invoiceOrigin="supplier" operation="new"</t>
  </si>
  <si>
    <t>InvoiceID Number</t>
  </si>
  <si>
    <t xml:space="preserve">            purpose="standard"&gt;</t>
  </si>
  <si>
    <t xml:space="preserve">                &lt;InvoiceDetailHeaderIndicator/&gt;</t>
  </si>
  <si>
    <t xml:space="preserve">                &lt;InvoiceDetailLineIndicator/&gt;</t>
  </si>
  <si>
    <t xml:space="preserve">                &lt;InvoicePartner&gt;</t>
  </si>
  <si>
    <t>RemitTo Information (required)</t>
  </si>
  <si>
    <t xml:space="preserve">                    &lt;Contact</t>
  </si>
  <si>
    <t xml:space="preserve">                role="remitTo"&gt;</t>
  </si>
  <si>
    <t xml:space="preserve">                        &lt;Name</t>
  </si>
  <si>
    <t xml:space="preserve">                    xml:lang="en-US"&gt;Blackwoods Protector - TEST&lt;/Name&gt;</t>
  </si>
  <si>
    <t xml:space="preserve">                        &lt;PostalAddress&gt;</t>
  </si>
  <si>
    <t xml:space="preserve">                            &lt;Street&gt;Test&lt;/Street&gt;</t>
  </si>
  <si>
    <t xml:space="preserve">                            &lt;Street/&gt;</t>
  </si>
  <si>
    <t xml:space="preserve">                            &lt;City&gt;CBD&lt;/City&gt;</t>
  </si>
  <si>
    <t xml:space="preserve">                            &lt;State&gt;Victoria&lt;/State&gt;</t>
  </si>
  <si>
    <t xml:space="preserve">                            &lt;PostalCode&gt;3000&lt;/PostalCode&gt;</t>
  </si>
  <si>
    <t xml:space="preserve">                            &lt;Country</t>
  </si>
  <si>
    <t xml:space="preserve">            isoCountryCode="AU"&gt;Australia&lt;/Country&gt;</t>
  </si>
  <si>
    <t xml:space="preserve">                        &lt;/PostalAddress&gt;</t>
  </si>
  <si>
    <t xml:space="preserve">                    &lt;/Contact&gt;</t>
  </si>
  <si>
    <t xml:space="preserve">                &lt;/InvoicePartner&gt;</t>
  </si>
  <si>
    <t>BillTo Information (required)</t>
  </si>
  <si>
    <t xml:space="preserve">                role="billTo"&gt;</t>
  </si>
  <si>
    <t xml:space="preserve">                    xml:lang="en"&gt;Lion BSW (NZ) Ltd&lt;/Name&gt;</t>
  </si>
  <si>
    <t xml:space="preserve">                            &lt;Street&gt;27 Napier Street, Freemans Bay&lt;/Street&gt;</t>
  </si>
  <si>
    <t xml:space="preserve">                            &lt;City&gt;Auckland&lt;/City&gt;</t>
  </si>
  <si>
    <t xml:space="preserve">                            &lt;State&gt;AUK&lt;/State&gt;</t>
  </si>
  <si>
    <t xml:space="preserve">                            &lt;PostalCode&gt;1011&lt;/PostalCode&gt;</t>
  </si>
  <si>
    <t xml:space="preserve">            isoCountryCode="NZ"/&gt;</t>
  </si>
  <si>
    <t>From Information (required)</t>
  </si>
  <si>
    <t xml:space="preserve">                role="from"&gt;</t>
  </si>
  <si>
    <t>BillFrom Information (required)</t>
  </si>
  <si>
    <t xml:space="preserve">                role="billFrom"&gt;</t>
  </si>
  <si>
    <t>SoldTo Information (required)</t>
  </si>
  <si>
    <t xml:space="preserve">                role="soldTo"&gt;</t>
  </si>
  <si>
    <t xml:space="preserve">                    xml:lang="en-US"&gt;Lion Pty Ltd. - TEST&lt;/Name&gt;</t>
  </si>
  <si>
    <t xml:space="preserve">                            &lt;Street&gt;68 York Street&lt;/Street&gt;</t>
  </si>
  <si>
    <t xml:space="preserve">                            &lt;City&gt;SYDNEY&lt;/City&gt;</t>
  </si>
  <si>
    <t xml:space="preserve">                            &lt;PostalCode&gt;NSW 2000&lt;/PostalCode&gt;</t>
  </si>
  <si>
    <t xml:space="preserve">                &lt;InvoiceDetailShipping&gt;</t>
  </si>
  <si>
    <t>ShipFrom Information (required)</t>
  </si>
  <si>
    <t xml:space="preserve">                role="shipFrom"&gt;</t>
  </si>
  <si>
    <t>ShipTo Information (required)</t>
  </si>
  <si>
    <t xml:space="preserve">                role="shipTo"&gt;</t>
  </si>
  <si>
    <t xml:space="preserve">                    xml:lang="en"&gt;The Pride&lt;/Name&gt;</t>
  </si>
  <si>
    <t xml:space="preserve">                            &lt;Street&gt;55 Ormiston Road&lt;/Street&gt;</t>
  </si>
  <si>
    <t xml:space="preserve">                            &lt;PostalCode&gt;2016&lt;/PostalCode&gt;</t>
  </si>
  <si>
    <t xml:space="preserve">        isoCountryCode="NZ"/&gt;</t>
  </si>
  <si>
    <t xml:space="preserve">                &lt;/InvoiceDetailShipping&gt;</t>
  </si>
  <si>
    <t xml:space="preserve">                &lt;PaymentTerm</t>
  </si>
  <si>
    <t>Mapped from PO</t>
  </si>
  <si>
    <t xml:space="preserve">                payInNumberOfDays="20"&gt;</t>
  </si>
  <si>
    <t xml:space="preserve">                    &lt;Discount&gt;</t>
  </si>
  <si>
    <t xml:space="preserve">                        &lt;DiscountPercent</t>
  </si>
  <si>
    <t xml:space="preserve">        percent="0.000"/&gt;</t>
  </si>
  <si>
    <t xml:space="preserve">                    &lt;/Discount&gt;</t>
  </si>
  <si>
    <t xml:space="preserve">                &lt;/PaymentTerm&gt;</t>
  </si>
  <si>
    <t xml:space="preserve">                &lt;Extrinsic</t>
  </si>
  <si>
    <t>Extrinsics (required on all Invoices)</t>
  </si>
  <si>
    <t xml:space="preserve">        name="TaxInvoice"&gt;This is a tax invoice&lt;/Extrinsic&gt;</t>
  </si>
  <si>
    <t xml:space="preserve">        name="invoiceSourceDocument"&gt;PurchaseOrder&lt;/Extrinsic&gt;</t>
  </si>
  <si>
    <t xml:space="preserve">        name="invoiceSubmissionMethod"&gt;cXML&lt;/Extrinsic&gt;</t>
  </si>
  <si>
    <t xml:space="preserve">                &lt;Extrinsic name="invoicePDF"&gt;</t>
  </si>
  <si>
    <t xml:space="preserve">                    &lt;Attachment&gt;</t>
  </si>
  <si>
    <t xml:space="preserve">                        &lt;URL&gt;cid:1543091645.1532322700570@cxml.org&lt;/URL&gt;</t>
  </si>
  <si>
    <t xml:space="preserve">                    &lt;/Attachment&gt;</t>
  </si>
  <si>
    <t xml:space="preserve">                &lt;/Extrinsic&gt;</t>
  </si>
  <si>
    <t xml:space="preserve">            &lt;/InvoiceDetailRequestHeader&gt;</t>
  </si>
  <si>
    <t xml:space="preserve">            &lt;InvoiceDetailOrder&gt;</t>
  </si>
  <si>
    <t xml:space="preserve">                &lt;InvoiceDetailOrderInfo&gt;</t>
  </si>
  <si>
    <t xml:space="preserve">                    &lt;OrderReference orderID="7500000157"&gt;</t>
  </si>
  <si>
    <t>Purchase Order Number (mandatory)</t>
  </si>
  <si>
    <t xml:space="preserve">                        &lt;DocumentReference payloadID="0AF1F39FA09A1EE89FEEF3D9063049F4"/&gt;</t>
  </si>
  <si>
    <t>PayloadID from Purhcase Order (recommended)</t>
  </si>
  <si>
    <t xml:space="preserve">                    &lt;/OrderReference&gt;</t>
  </si>
  <si>
    <t xml:space="preserve">                &lt;/InvoiceDetailOrderInfo&gt;</t>
  </si>
  <si>
    <t xml:space="preserve">                &lt;InvoiceDetailItem invoiceLineNumber="1" quantity="21"&gt;</t>
  </si>
  <si>
    <t>Invoice Line Number / Quantity Invoiced</t>
  </si>
  <si>
    <t xml:space="preserve">                    &lt;UnitOfMeasure&gt;EA&lt;/UnitOfMeasure&gt;</t>
  </si>
  <si>
    <t>UOM from PO/OC/ASN</t>
  </si>
  <si>
    <t xml:space="preserve">                    &lt;UnitPrice&gt;</t>
  </si>
  <si>
    <t xml:space="preserve">                        &lt;Money currency="NZD"&gt;500.00&lt;/Money&gt;</t>
  </si>
  <si>
    <t>UnitPricefrom PO/OC/ASN</t>
  </si>
  <si>
    <t xml:space="preserve">                    &lt;/UnitPrice&gt;</t>
  </si>
  <si>
    <t xml:space="preserve">                    &lt;PriceBasisQuantity conversionFactor="1" quantity="1.0"&gt;</t>
  </si>
  <si>
    <t>Should always be as is (unless specified otherwise)</t>
  </si>
  <si>
    <t xml:space="preserve">                        &lt;UnitOfMeasure&gt;EA&lt;/UnitOfMeasure&gt;</t>
  </si>
  <si>
    <t xml:space="preserve">                        &lt;Description xml:lang="en-US"/&gt;</t>
  </si>
  <si>
    <t xml:space="preserve">                    &lt;/PriceBasisQuantity&gt;</t>
  </si>
  <si>
    <t xml:space="preserve">                    &lt;InvoiceDetailItemReference lineNumber="10"&gt;</t>
  </si>
  <si>
    <t>LineNumber from PO</t>
  </si>
  <si>
    <t xml:space="preserve">                        &lt;ItemID&gt;</t>
  </si>
  <si>
    <t xml:space="preserve">                            &lt;SupplierPartID&gt;EMTMONITOR&lt;/SupplierPartID&gt;</t>
  </si>
  <si>
    <t>SupplierPartID from PO/OC</t>
  </si>
  <si>
    <t xml:space="preserve">                        &lt;/ItemID&gt;</t>
  </si>
  <si>
    <t xml:space="preserve">                        &lt;Description xml:lang="en"&gt;Monitor(SIT3)&lt;/Description&gt;</t>
  </si>
  <si>
    <t>Description from PO</t>
  </si>
  <si>
    <t xml:space="preserve">                        &lt;Classification domain="not available"&gt;Computer Accessories&lt;/Classification&gt;</t>
  </si>
  <si>
    <t>Domain from PO</t>
  </si>
  <si>
    <t xml:space="preserve">                    &lt;/InvoiceDetailItemReference&gt;</t>
  </si>
  <si>
    <t xml:space="preserve">                    &lt;SubtotalAmount&gt;</t>
  </si>
  <si>
    <t xml:space="preserve">                        &lt;Money currency="NZD"&gt;10500.00&lt;/Money&gt;</t>
  </si>
  <si>
    <t xml:space="preserve">                    &lt;/SubtotalAmount&gt;</t>
  </si>
  <si>
    <t xml:space="preserve">                    &lt;GrossAmount&gt;</t>
  </si>
  <si>
    <t xml:space="preserve">                    &lt;/GrossAmount&gt;</t>
  </si>
  <si>
    <t xml:space="preserve">                    &lt;NetAmount&gt;</t>
  </si>
  <si>
    <t xml:space="preserve">                    &lt;/NetAmount&gt;</t>
  </si>
  <si>
    <t xml:space="preserve">                &lt;/InvoiceDetailItem&gt;</t>
  </si>
  <si>
    <t xml:space="preserve">            &lt;/InvoiceDetailOrder&gt;</t>
  </si>
  <si>
    <t xml:space="preserve">            &lt;InvoiceDetailSummary&gt;</t>
  </si>
  <si>
    <t xml:space="preserve">                &lt;SubtotalAmount&gt;</t>
  </si>
  <si>
    <t xml:space="preserve">                    &lt;Money currency="NZD"&gt;10500.00&lt;/Money&gt;</t>
  </si>
  <si>
    <t xml:space="preserve">                &lt;/SubtotalAmount&gt;</t>
  </si>
  <si>
    <t xml:space="preserve">                &lt;Tax&gt;</t>
  </si>
  <si>
    <t xml:space="preserve">                &lt;/Tax&gt;</t>
  </si>
  <si>
    <t xml:space="preserve">                &lt;GrossAmount&gt;</t>
  </si>
  <si>
    <t xml:space="preserve">                &lt;/GrossAmount&gt;</t>
  </si>
  <si>
    <t xml:space="preserve">                &lt;NetAmount&gt;</t>
  </si>
  <si>
    <t xml:space="preserve">                &lt;/NetAmount&gt;</t>
  </si>
  <si>
    <t xml:space="preserve">                &lt;DueAmount&gt;</t>
  </si>
  <si>
    <t xml:space="preserve">                &lt;/DueAmount&gt;</t>
  </si>
  <si>
    <t xml:space="preserve">            &lt;/InvoiceDetailSummary&gt;</t>
  </si>
  <si>
    <t xml:space="preserve">        &lt;/InvoiceDetailRequest&gt;</t>
  </si>
  <si>
    <t xml:space="preserve">    &lt;/Request&gt;</t>
  </si>
  <si>
    <t>&lt;/cXML&gt;</t>
  </si>
  <si>
    <t>&lt;cXML payloadID="1532322696702-8317681418168295646@216.109.111.6" 
timestamp="2018-07-22T22:11:36-07:00"&gt;</t>
  </si>
  <si>
    <t xml:space="preserve">            &lt;InvoiceDetailRequestHeader invoiceDate="2018-07-05T12:00:00+10:00"</t>
  </si>
  <si>
    <t>Invoice ID that Credit Memo is being sent again</t>
  </si>
  <si>
    <t xml:space="preserve">    invoiceID="7500000923ABC" invoiceOrigin="supplier" operation="new"</t>
  </si>
  <si>
    <t xml:space="preserve">            purpose="lineLevelCreditMemo"&gt;</t>
  </si>
  <si>
    <t>BillTo Information</t>
  </si>
  <si>
    <t xml:space="preserve">            addressID="0007000012" addressIDDomain="billToID"</t>
  </si>
  <si>
    <t xml:space="preserve">                    xml:lang="en"&gt;CONTROL RISKS GROUP PTY LTD&lt;/Name&gt;</t>
  </si>
  <si>
    <t xml:space="preserve">                            &lt;Street&gt;LVL 10,45 CLARENCE ST&lt;/Street&gt;</t>
  </si>
  <si>
    <t xml:space="preserve">                            &lt;State&gt;NSW&lt;/State&gt;</t>
  </si>
  <si>
    <t xml:space="preserve">                            &lt;PostalCode&gt;2250&lt;/PostalCode&gt;</t>
  </si>
  <si>
    <t xml:space="preserve">                isoCountryCode="AU"/&gt;</t>
  </si>
  <si>
    <t xml:space="preserve">                        &lt;Email</t>
  </si>
  <si>
    <t xml:space="preserve">                        name="default"&gt;Harshad.Nimje@lionco.com&lt;/Email&gt;</t>
  </si>
  <si>
    <t xml:space="preserve">                        &lt;Phone&gt;</t>
  </si>
  <si>
    <t xml:space="preserve">                            &lt;TelephoneNumber&gt;</t>
  </si>
  <si>
    <t xml:space="preserve">                                &lt;CountryCode</t>
  </si>
  <si>
    <t xml:space="preserve">                        isoCountryCode="US"/&gt;</t>
  </si>
  <si>
    <t xml:space="preserve">                                &lt;AreaOrCityCode/&gt;</t>
  </si>
  <si>
    <t xml:space="preserve">                                &lt;Number&gt;1292790099&lt;/Number&gt;</t>
  </si>
  <si>
    <t xml:space="preserve">                            &lt;/TelephoneNumber&gt;</t>
  </si>
  <si>
    <t xml:space="preserve">                        &lt;/Phone&gt;</t>
  </si>
  <si>
    <t xml:space="preserve">                        &lt;Fax&gt;</t>
  </si>
  <si>
    <t xml:space="preserve">            isoCountryCode="AU"/&gt;</t>
  </si>
  <si>
    <t xml:space="preserve">                                &lt;Number&gt;61288776655&lt;/Number&gt;</t>
  </si>
  <si>
    <t xml:space="preserve">                        &lt;/Fax&gt;</t>
  </si>
  <si>
    <t>Ship To</t>
  </si>
  <si>
    <t xml:space="preserve">            addressIDDomain="buyerID" role="ShipTo"&gt;</t>
  </si>
  <si>
    <t xml:space="preserve">                        isoCountryCode="NZ"/&gt;</t>
  </si>
  <si>
    <t xml:space="preserve">                                &lt;Number&gt;64800835554&lt;/Number&gt;</t>
  </si>
  <si>
    <t>Custom Extrinsics</t>
  </si>
  <si>
    <t xml:space="preserve">        name="originalInvoiceNo"&gt;7500000923ABC&lt;/Extrinsic&gt;</t>
  </si>
  <si>
    <t xml:space="preserve">        name="buyerInvoiceID"&gt;5100000262&lt;/Extrinsic&gt;</t>
  </si>
  <si>
    <t xml:space="preserve">        name="fiscalYear"&gt;2018&lt;/Extrinsic&gt;</t>
  </si>
  <si>
    <t xml:space="preserve">        name="CompanyCode"&gt;NZ10&lt;/Extrinsic&gt;</t>
  </si>
  <si>
    <t xml:space="preserve">                &lt;Extrinsic name="invoiceSourceDocument"&gt;PurchaseOrder&lt;/Extrinsic&gt;</t>
  </si>
  <si>
    <t>Purchase Order Reference</t>
  </si>
  <si>
    <t xml:space="preserve">                    &lt;OrderIDInfo orderDate="2018-07-05T12:00:00+10:00" orderID="7500000923"/&gt;</t>
  </si>
  <si>
    <t xml:space="preserve">                &lt;InvoiceDetailItem invoiceLineNumber="1" quantity="-1.0"&gt;</t>
  </si>
  <si>
    <t>Line Item Information
(negative values used for Credit)</t>
  </si>
  <si>
    <t xml:space="preserve">                        &lt;Money currency="NZD"&gt;10.0&lt;/Money&gt;</t>
  </si>
  <si>
    <t xml:space="preserve">                            &lt;SupplierPartID&gt;&lt;/SupplierPartID&gt;</t>
  </si>
  <si>
    <t xml:space="preserve">                            &lt;BuyerPartID&gt;1004309&lt;/BuyerPartID&gt;</t>
  </si>
  <si>
    <t xml:space="preserve">                        &lt;Description xml:lang="en"&gt;Test material for tax code&lt;/Description&gt;</t>
  </si>
  <si>
    <t xml:space="preserve">                        &lt;Money currency="NZD"&gt;-10.0&lt;/Money&gt;</t>
  </si>
  <si>
    <t xml:space="preserve">                    &lt;ShipNoticeIDInfo shipNoticeID="0180002103"/&gt;</t>
  </si>
  <si>
    <t xml:space="preserve">                &lt;InvoiceDetailItem invoiceLineNumber="2" quantity="-1.0"&gt;</t>
  </si>
  <si>
    <t xml:space="preserve">                    &lt;InvoiceDetailItemReference lineNumber="20"&gt;</t>
  </si>
  <si>
    <t xml:space="preserve">                            &lt;BuyerPartID&gt;1004312&lt;/BuyerPartID&gt;</t>
  </si>
  <si>
    <t xml:space="preserve">                &lt;InvoiceDetailItem invoiceLineNumber="3" quantity="-1.0"&gt;</t>
  </si>
  <si>
    <t xml:space="preserve">                    &lt;InvoiceDetailItemReference lineNumber="30"&gt;</t>
  </si>
  <si>
    <t xml:space="preserve">                            &lt;BuyerPartID&gt;1004313&lt;/BuyerPartID&gt;</t>
  </si>
  <si>
    <t>Credit Memo Summary
(negative values used for Credit)</t>
  </si>
  <si>
    <t xml:space="preserve">                    &lt;Money currency="NZD"&gt;-30.0&lt;/Money&gt;</t>
  </si>
  <si>
    <t xml:space="preserve">                    &lt;Money currency="NZD"&gt;-4.5&lt;/Money&gt;</t>
  </si>
  <si>
    <t xml:space="preserve">                    &lt;Description xml:lang="en"/&gt;</t>
  </si>
  <si>
    <t xml:space="preserve">                    &lt;TaxDetail category="gst" percentageRate="15.000"&gt;</t>
  </si>
  <si>
    <t xml:space="preserve">                        &lt;TaxableAmount&gt;</t>
  </si>
  <si>
    <t xml:space="preserve">                            &lt;Money currency="NZD"&gt;-30.0&lt;/Money&gt;</t>
  </si>
  <si>
    <t xml:space="preserve">                        &lt;/TaxableAmount&gt;</t>
  </si>
  <si>
    <t xml:space="preserve">                        &lt;TaxAmount&gt;</t>
  </si>
  <si>
    <t xml:space="preserve">                            &lt;Money currency="NZD"&gt;-4.5&lt;/Money&gt;</t>
  </si>
  <si>
    <t xml:space="preserve">                        &lt;/TaxAmount&gt;</t>
  </si>
  <si>
    <t xml:space="preserve">                        &lt;Description xml:lang="en"&gt;Input – (Non-Capital) – GST 10%&lt;/Description&gt;</t>
  </si>
  <si>
    <t xml:space="preserve">                    &lt;/TaxDetail&gt;</t>
  </si>
  <si>
    <t xml:space="preserve">                    &lt;Money currency="NZD"&gt;-34.5&lt;/Money&gt;</t>
  </si>
  <si>
    <t>Message Header</t>
  </si>
  <si>
    <t>Invoice Header</t>
  </si>
  <si>
    <t>Line Level Details</t>
  </si>
  <si>
    <t>Line Item</t>
  </si>
  <si>
    <t>Invoice Summary</t>
  </si>
  <si>
    <t>Unit Price</t>
  </si>
  <si>
    <t>PBQ</t>
  </si>
  <si>
    <t>Invoice Detail</t>
  </si>
  <si>
    <t>Subtotal amount</t>
  </si>
  <si>
    <t>Gross amount</t>
  </si>
  <si>
    <t>NetAmount amount</t>
  </si>
  <si>
    <t>Tax description</t>
  </si>
  <si>
    <t>Net amount</t>
  </si>
  <si>
    <t>Due amount</t>
  </si>
  <si>
    <t>Subtotal Amount</t>
  </si>
  <si>
    <t>Gross Amount</t>
  </si>
  <si>
    <t>Net Amount</t>
  </si>
  <si>
    <t>Tax</t>
  </si>
  <si>
    <t>Due Amount</t>
  </si>
  <si>
    <t>Credit Memo follows the same LINE structure, just with negative values.
Credit Memo header has less fields then traditional Invoice.</t>
  </si>
  <si>
    <t>Version</t>
  </si>
  <si>
    <t>V3</t>
  </si>
  <si>
    <t>Added "Rules &amp; Notes" Tab/s</t>
  </si>
  <si>
    <t>Rules</t>
  </si>
  <si>
    <t>Notes</t>
  </si>
  <si>
    <t>Invoice
Used to Invoice both Direct and Indirect Purchase Orders. Functions as your standard Invoice that was created outside of the Ariba Network. All extrinsics are required on the Invoice.
Credit Memo
Used against certain Purchase Orders or Quality Notifications in case of any errors with the goods/services. Negative values are used on the Credit Memo to indicate a “refund” on these goods. All extrinsics are required on the Credit Memo</t>
  </si>
  <si>
    <t>Invoice
•    	Partial Invoices are supported
•    	Non-PO Invoices are supported
•    	Require the following addresses:
•    	BillTo
•    	RemitTo
•    	ShipTo
•    	SoldTo
•    	ShipFrom
•    	From
•    	Invoices can have attachments
•    	Order Confirmations are required before Invoices
•    	All extrinsics are required
Credit Memo
•   	Credit Memos will use negative values to identify Credits
•   	Will follow the same rules as the Invoice
•   	All extrinsics are required</t>
  </si>
  <si>
    <t>V3.2</t>
  </si>
  <si>
    <t>Keeping names updated / updated Tax slightly</t>
  </si>
  <si>
    <t>Tax Money</t>
  </si>
  <si>
    <t>Tax Description</t>
  </si>
  <si>
    <t>Tax Amount</t>
  </si>
  <si>
    <t>Tax Percentage</t>
  </si>
  <si>
    <t xml:space="preserve">                    &lt;Money currency = "NZD"&gt;420.00&lt;/Money&gt;</t>
  </si>
  <si>
    <t xml:space="preserve">                    &lt;Description xml:lang = "en"&gt;NZ GST&lt;/Description&gt;</t>
  </si>
  <si>
    <t xml:space="preserve">                    &lt;TaxDetail</t>
  </si>
  <si>
    <t xml:space="preserve">                        category = "gst"</t>
  </si>
  <si>
    <t xml:space="preserve">                        percentageRate = "15"</t>
  </si>
  <si>
    <t xml:space="preserve">                        purpose = "tax"&gt;</t>
  </si>
  <si>
    <t xml:space="preserve">                            &lt;Money currency = "NZD"&gt;2800.00&lt;/Money&gt;</t>
  </si>
  <si>
    <t xml:space="preserve">                            &lt;Money currency = "NZD"&gt;420.00&lt;/Money&gt;</t>
  </si>
  <si>
    <t xml:space="preserve">                        &lt;Description xml:lang = "en"&gt;NZ GST&lt;/Description&gt;</t>
  </si>
  <si>
    <t>Tax Catergory</t>
  </si>
  <si>
    <t>Tax Purpose</t>
  </si>
  <si>
    <t>Taxable Amoun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0_ "/>
  </numFmts>
  <fonts count="12">
    <font>
      <sz val="11"/>
      <color theme="1"/>
      <name val="Calibri"/>
      <family val="2"/>
      <scheme val="minor"/>
    </font>
    <font>
      <sz val="10"/>
      <color rgb="FFFF0000"/>
      <name val="Courier New"/>
      <family val="3"/>
    </font>
    <font>
      <sz val="10"/>
      <color rgb="FF0000FF"/>
      <name val="Courier New"/>
      <family val="3"/>
    </font>
    <font>
      <sz val="10"/>
      <color rgb="FF000000"/>
      <name val="Courier New"/>
      <family val="3"/>
    </font>
    <font>
      <b/>
      <sz val="10"/>
      <color rgb="FF000000"/>
      <name val="Courier New"/>
      <family val="3"/>
    </font>
    <font>
      <b/>
      <sz val="11"/>
      <color theme="1"/>
      <name val="Calibri"/>
      <family val="2"/>
      <scheme val="minor"/>
    </font>
    <font>
      <sz val="10"/>
      <name val="Arial"/>
      <family val="2"/>
    </font>
    <font>
      <b/>
      <sz val="11"/>
      <color rgb="FF000000"/>
      <name val="Calibri"/>
      <family val="2"/>
      <scheme val="minor"/>
    </font>
    <font>
      <i/>
      <sz val="11"/>
      <color rgb="FF000000"/>
      <name val="Calibri"/>
      <family val="2"/>
      <scheme val="minor"/>
    </font>
    <font>
      <sz val="10"/>
      <name val="Arial"/>
      <family val="2"/>
      <charset val="238"/>
    </font>
    <font>
      <b/>
      <sz val="11"/>
      <color theme="0"/>
      <name val="Calibri"/>
      <family val="3"/>
      <charset val="128"/>
      <scheme val="minor"/>
    </font>
    <font>
      <i/>
      <sz val="11"/>
      <color theme="1"/>
      <name val="Calibri"/>
      <family val="2"/>
      <scheme val="minor"/>
    </font>
  </fonts>
  <fills count="10">
    <fill>
      <patternFill patternType="none"/>
    </fill>
    <fill>
      <patternFill patternType="gray125"/>
    </fill>
    <fill>
      <patternFill patternType="solid">
        <fgColor rgb="FFFFC000"/>
        <bgColor indexed="64"/>
      </patternFill>
    </fill>
    <fill>
      <patternFill patternType="solid">
        <fgColor theme="0"/>
        <bgColor indexed="64"/>
      </patternFill>
    </fill>
    <fill>
      <patternFill patternType="solid">
        <fgColor theme="4" tint="0.39997558519241921"/>
        <bgColor indexed="64"/>
      </patternFill>
    </fill>
    <fill>
      <patternFill patternType="solid">
        <fgColor theme="3" tint="0.59999389629810485"/>
        <bgColor indexed="64"/>
      </patternFill>
    </fill>
    <fill>
      <patternFill patternType="solid">
        <fgColor theme="0" tint="-0.499984740745262"/>
        <bgColor indexed="64"/>
      </patternFill>
    </fill>
    <fill>
      <patternFill patternType="solid">
        <fgColor theme="8" tint="0.79998168889431442"/>
        <bgColor indexed="64"/>
      </patternFill>
    </fill>
    <fill>
      <patternFill patternType="solid">
        <fgColor theme="5" tint="0.79998168889431442"/>
        <bgColor indexed="64"/>
      </patternFill>
    </fill>
    <fill>
      <patternFill patternType="solid">
        <fgColor theme="0" tint="-4.9989318521683403E-2"/>
        <bgColor indexed="64"/>
      </patternFill>
    </fill>
  </fills>
  <borders count="20">
    <border>
      <left/>
      <right/>
      <top/>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diagonal/>
    </border>
    <border>
      <left/>
      <right style="thin">
        <color theme="0"/>
      </right>
      <top/>
      <bottom style="thin">
        <color indexed="64"/>
      </bottom>
      <diagonal/>
    </border>
    <border>
      <left style="thin">
        <color theme="0"/>
      </left>
      <right style="thin">
        <color theme="0"/>
      </right>
      <top/>
      <bottom style="thin">
        <color indexed="64"/>
      </bottom>
      <diagonal/>
    </border>
    <border>
      <left style="thin">
        <color theme="0"/>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theme="0"/>
      </left>
      <right/>
      <top/>
      <bottom/>
      <diagonal/>
    </border>
  </borders>
  <cellStyleXfs count="3">
    <xf numFmtId="0" fontId="0" fillId="0" borderId="0"/>
    <xf numFmtId="0" fontId="6" fillId="0" borderId="0"/>
    <xf numFmtId="0" fontId="9" fillId="0" borderId="0"/>
  </cellStyleXfs>
  <cellXfs count="110">
    <xf numFmtId="0" fontId="0" fillId="0" borderId="0" xfId="0"/>
    <xf numFmtId="0" fontId="1" fillId="0" borderId="0" xfId="0" applyFont="1" applyAlignment="1">
      <alignment vertical="center"/>
    </xf>
    <xf numFmtId="0" fontId="0" fillId="0" borderId="0" xfId="0" applyAlignment="1">
      <alignment vertical="center"/>
    </xf>
    <xf numFmtId="0" fontId="3" fillId="0" borderId="0" xfId="0" applyFont="1" applyAlignment="1">
      <alignment vertical="center"/>
    </xf>
    <xf numFmtId="0" fontId="2" fillId="0" borderId="0" xfId="0" applyFont="1" applyAlignment="1">
      <alignment vertical="center"/>
    </xf>
    <xf numFmtId="0" fontId="4" fillId="0" borderId="0" xfId="0" applyFont="1" applyAlignment="1">
      <alignment vertical="center"/>
    </xf>
    <xf numFmtId="0" fontId="0" fillId="0" borderId="0" xfId="0" applyAlignment="1">
      <alignment wrapText="1"/>
    </xf>
    <xf numFmtId="0" fontId="0" fillId="0" borderId="1" xfId="0" applyBorder="1"/>
    <xf numFmtId="0" fontId="0" fillId="4" borderId="0" xfId="0" applyFill="1"/>
    <xf numFmtId="0" fontId="0" fillId="2" borderId="0" xfId="0" applyFill="1"/>
    <xf numFmtId="0" fontId="5" fillId="2" borderId="0" xfId="0" applyFont="1" applyFill="1"/>
    <xf numFmtId="0" fontId="7" fillId="5" borderId="2" xfId="0" applyFont="1" applyFill="1" applyBorder="1" applyAlignment="1">
      <alignment horizontal="center" vertical="center" wrapText="1"/>
    </xf>
    <xf numFmtId="14" fontId="0" fillId="0" borderId="1" xfId="0" applyNumberFormat="1" applyBorder="1"/>
    <xf numFmtId="0" fontId="0" fillId="3" borderId="0" xfId="0" applyFill="1"/>
    <xf numFmtId="0" fontId="0" fillId="0" borderId="0" xfId="0" applyAlignment="1">
      <alignment horizontal="center" vertical="center"/>
    </xf>
    <xf numFmtId="164" fontId="10" fillId="6" borderId="4" xfId="0" applyNumberFormat="1" applyFont="1" applyFill="1" applyBorder="1" applyAlignment="1">
      <alignment horizontal="center" vertical="center" wrapText="1"/>
    </xf>
    <xf numFmtId="164" fontId="10" fillId="6" borderId="5" xfId="0" applyNumberFormat="1" applyFont="1" applyFill="1" applyBorder="1" applyAlignment="1">
      <alignment horizontal="center" vertical="center" wrapText="1"/>
    </xf>
    <xf numFmtId="0" fontId="0" fillId="0" borderId="0" xfId="0" applyAlignment="1">
      <alignment textRotation="90"/>
    </xf>
    <xf numFmtId="0" fontId="0" fillId="7" borderId="6" xfId="0" applyFill="1" applyBorder="1"/>
    <xf numFmtId="0" fontId="0" fillId="7" borderId="7" xfId="0" applyFill="1" applyBorder="1" applyAlignment="1">
      <alignment horizontal="center" vertical="center"/>
    </xf>
    <xf numFmtId="0" fontId="0" fillId="7" borderId="8" xfId="0" applyFill="1" applyBorder="1"/>
    <xf numFmtId="0" fontId="0" fillId="7" borderId="9" xfId="0" applyFill="1" applyBorder="1" applyAlignment="1">
      <alignment horizontal="center" vertical="center"/>
    </xf>
    <xf numFmtId="0" fontId="0" fillId="7" borderId="11" xfId="0" applyFill="1" applyBorder="1" applyAlignment="1">
      <alignment horizontal="center" vertical="center"/>
    </xf>
    <xf numFmtId="0" fontId="0" fillId="7" borderId="10" xfId="0" applyFill="1" applyBorder="1"/>
    <xf numFmtId="0" fontId="0" fillId="7" borderId="12" xfId="0" applyFill="1" applyBorder="1"/>
    <xf numFmtId="0" fontId="0" fillId="7" borderId="13" xfId="0" applyFill="1" applyBorder="1" applyAlignment="1">
      <alignment horizontal="center" vertical="center"/>
    </xf>
    <xf numFmtId="0" fontId="0" fillId="8" borderId="8" xfId="0" applyFill="1" applyBorder="1"/>
    <xf numFmtId="0" fontId="0" fillId="8" borderId="9" xfId="0" applyFill="1" applyBorder="1" applyAlignment="1">
      <alignment horizontal="center" vertical="center"/>
    </xf>
    <xf numFmtId="0" fontId="0" fillId="8" borderId="10" xfId="0" applyFill="1" applyBorder="1"/>
    <xf numFmtId="0" fontId="0" fillId="8" borderId="11" xfId="0" applyFill="1" applyBorder="1" applyAlignment="1">
      <alignment horizontal="center" vertical="center"/>
    </xf>
    <xf numFmtId="0" fontId="0" fillId="8" borderId="6" xfId="0" applyFill="1" applyBorder="1"/>
    <xf numFmtId="0" fontId="0" fillId="8" borderId="12" xfId="0" applyFill="1" applyBorder="1"/>
    <xf numFmtId="0" fontId="0" fillId="8" borderId="7" xfId="0" applyFill="1" applyBorder="1" applyAlignment="1">
      <alignment horizontal="center" vertical="center"/>
    </xf>
    <xf numFmtId="0" fontId="0" fillId="8" borderId="13" xfId="0" applyFill="1" applyBorder="1" applyAlignment="1">
      <alignment horizontal="center" vertical="center"/>
    </xf>
    <xf numFmtId="0" fontId="0" fillId="9" borderId="6" xfId="0" applyFill="1" applyBorder="1"/>
    <xf numFmtId="0" fontId="0" fillId="9" borderId="7" xfId="0" applyFill="1" applyBorder="1" applyAlignment="1">
      <alignment horizontal="center" vertical="center"/>
    </xf>
    <xf numFmtId="0" fontId="0" fillId="9" borderId="8" xfId="0" applyFill="1" applyBorder="1"/>
    <xf numFmtId="0" fontId="0" fillId="9" borderId="9" xfId="0" applyFill="1" applyBorder="1" applyAlignment="1">
      <alignment horizontal="center" vertical="center"/>
    </xf>
    <xf numFmtId="0" fontId="0" fillId="9" borderId="10" xfId="0" applyFill="1" applyBorder="1"/>
    <xf numFmtId="0" fontId="0" fillId="9" borderId="11" xfId="0" applyFill="1" applyBorder="1" applyAlignment="1">
      <alignment horizontal="center" vertical="center"/>
    </xf>
    <xf numFmtId="0" fontId="0" fillId="9" borderId="10" xfId="0" applyFill="1" applyBorder="1" applyAlignment="1">
      <alignment wrapText="1"/>
    </xf>
    <xf numFmtId="0" fontId="0" fillId="8" borderId="14" xfId="0" applyFill="1" applyBorder="1"/>
    <xf numFmtId="0" fontId="0" fillId="8" borderId="0" xfId="0" applyFill="1" applyBorder="1"/>
    <xf numFmtId="0" fontId="0" fillId="8" borderId="9" xfId="0" applyFill="1" applyBorder="1" applyAlignment="1">
      <alignment horizontal="center" vertical="center" wrapText="1"/>
    </xf>
    <xf numFmtId="0" fontId="0" fillId="8" borderId="15" xfId="0" applyFill="1" applyBorder="1"/>
    <xf numFmtId="0" fontId="0" fillId="8" borderId="13" xfId="0" applyFill="1" applyBorder="1" applyAlignment="1">
      <alignment horizontal="center" vertical="center" wrapText="1"/>
    </xf>
    <xf numFmtId="0" fontId="0" fillId="7" borderId="14" xfId="0" applyFill="1" applyBorder="1"/>
    <xf numFmtId="0" fontId="0" fillId="7" borderId="0" xfId="0" applyFill="1" applyBorder="1"/>
    <xf numFmtId="0" fontId="0" fillId="8" borderId="7" xfId="0" applyFill="1" applyBorder="1" applyAlignment="1">
      <alignment vertical="center"/>
    </xf>
    <xf numFmtId="0" fontId="0" fillId="8" borderId="13" xfId="0" applyFill="1" applyBorder="1" applyAlignment="1">
      <alignment vertical="center"/>
    </xf>
    <xf numFmtId="0" fontId="0" fillId="8" borderId="8" xfId="0" applyFill="1" applyBorder="1" applyAlignment="1"/>
    <xf numFmtId="0" fontId="0" fillId="8" borderId="0" xfId="0" applyFill="1" applyBorder="1" applyAlignment="1"/>
    <xf numFmtId="0" fontId="0" fillId="8" borderId="12" xfId="0" applyFill="1" applyBorder="1" applyAlignment="1"/>
    <xf numFmtId="0" fontId="0" fillId="8" borderId="15" xfId="0" applyFill="1" applyBorder="1" applyAlignment="1"/>
    <xf numFmtId="0" fontId="0" fillId="8" borderId="6" xfId="0" applyFill="1" applyBorder="1" applyAlignment="1"/>
    <xf numFmtId="0" fontId="0" fillId="8" borderId="14" xfId="0" applyFill="1" applyBorder="1" applyAlignment="1"/>
    <xf numFmtId="0" fontId="0" fillId="8" borderId="7" xfId="0" applyFill="1" applyBorder="1" applyAlignment="1">
      <alignment horizontal="center" vertical="center" wrapText="1"/>
    </xf>
    <xf numFmtId="14" fontId="8" fillId="0" borderId="1" xfId="0" applyNumberFormat="1" applyFont="1" applyBorder="1" applyAlignment="1">
      <alignment horizontal="left" vertical="top" wrapText="1"/>
    </xf>
    <xf numFmtId="0" fontId="8" fillId="0" borderId="1" xfId="0" applyFont="1" applyBorder="1" applyAlignment="1">
      <alignment horizontal="left" vertical="top" wrapText="1"/>
    </xf>
    <xf numFmtId="14" fontId="11" fillId="0" borderId="1" xfId="0" applyNumberFormat="1" applyFont="1" applyBorder="1" applyAlignment="1">
      <alignment horizontal="left" vertical="top"/>
    </xf>
    <xf numFmtId="0" fontId="11" fillId="0" borderId="1" xfId="0" applyFont="1" applyBorder="1" applyAlignment="1">
      <alignment horizontal="left" vertical="top"/>
    </xf>
    <xf numFmtId="0" fontId="0" fillId="3" borderId="0" xfId="0" applyFill="1" applyAlignment="1"/>
    <xf numFmtId="0" fontId="0" fillId="0" borderId="0" xfId="0" applyAlignment="1">
      <alignment vertical="top" wrapText="1"/>
    </xf>
    <xf numFmtId="0" fontId="0" fillId="0" borderId="0" xfId="0" applyAlignment="1">
      <alignment horizontal="center" vertical="center"/>
    </xf>
    <xf numFmtId="0" fontId="0" fillId="0" borderId="0" xfId="0" applyAlignment="1">
      <alignment horizontal="center"/>
    </xf>
    <xf numFmtId="0" fontId="5" fillId="2" borderId="0" xfId="0" applyFont="1" applyFill="1" applyAlignment="1">
      <alignment horizontal="center" vertical="center" wrapText="1"/>
    </xf>
    <xf numFmtId="164" fontId="10" fillId="6" borderId="19" xfId="0" applyNumberFormat="1" applyFont="1" applyFill="1" applyBorder="1" applyAlignment="1">
      <alignment horizontal="center" vertical="center" wrapText="1"/>
    </xf>
    <xf numFmtId="164" fontId="10" fillId="6" borderId="0" xfId="0" applyNumberFormat="1" applyFont="1" applyFill="1" applyBorder="1" applyAlignment="1">
      <alignment horizontal="center" vertical="center" wrapText="1"/>
    </xf>
    <xf numFmtId="0" fontId="0" fillId="0" borderId="0" xfId="0" applyAlignment="1">
      <alignment horizontal="left" vertical="top" wrapText="1" indent="1"/>
    </xf>
    <xf numFmtId="0" fontId="0" fillId="0" borderId="0" xfId="0" applyAlignment="1">
      <alignment horizontal="left" vertical="top" wrapText="1"/>
    </xf>
    <xf numFmtId="164" fontId="10" fillId="6" borderId="3" xfId="0" applyNumberFormat="1" applyFont="1" applyFill="1" applyBorder="1" applyAlignment="1">
      <alignment horizontal="center" vertical="center" wrapText="1"/>
    </xf>
    <xf numFmtId="164" fontId="10" fillId="6" borderId="4" xfId="0" applyNumberFormat="1" applyFont="1" applyFill="1" applyBorder="1" applyAlignment="1">
      <alignment horizontal="center" vertical="center" wrapText="1"/>
    </xf>
    <xf numFmtId="0" fontId="0" fillId="7" borderId="7" xfId="0" applyFill="1" applyBorder="1" applyAlignment="1">
      <alignment horizontal="center" vertical="center"/>
    </xf>
    <xf numFmtId="0" fontId="0" fillId="7" borderId="9" xfId="0" applyFill="1" applyBorder="1" applyAlignment="1">
      <alignment horizontal="center" vertical="center"/>
    </xf>
    <xf numFmtId="0" fontId="0" fillId="7" borderId="13" xfId="0" applyFill="1" applyBorder="1" applyAlignment="1">
      <alignment horizontal="center" vertical="center"/>
    </xf>
    <xf numFmtId="0" fontId="0" fillId="9" borderId="6" xfId="0" applyFill="1" applyBorder="1" applyAlignment="1">
      <alignment horizontal="center" vertical="center" textRotation="90"/>
    </xf>
    <xf numFmtId="0" fontId="0" fillId="9" borderId="14" xfId="0" applyFill="1" applyBorder="1" applyAlignment="1">
      <alignment horizontal="center" vertical="center" textRotation="90"/>
    </xf>
    <xf numFmtId="0" fontId="0" fillId="9" borderId="7" xfId="0" applyFill="1" applyBorder="1" applyAlignment="1">
      <alignment horizontal="center" vertical="center" textRotation="90"/>
    </xf>
    <xf numFmtId="0" fontId="0" fillId="9" borderId="8" xfId="0" applyFill="1" applyBorder="1" applyAlignment="1">
      <alignment horizontal="center" vertical="center" textRotation="90"/>
    </xf>
    <xf numFmtId="0" fontId="0" fillId="9" borderId="0" xfId="0" applyFill="1" applyBorder="1" applyAlignment="1">
      <alignment horizontal="center" vertical="center" textRotation="90"/>
    </xf>
    <xf numFmtId="0" fontId="0" fillId="9" borderId="9" xfId="0" applyFill="1" applyBorder="1" applyAlignment="1">
      <alignment horizontal="center" vertical="center" textRotation="90"/>
    </xf>
    <xf numFmtId="0" fontId="0" fillId="7" borderId="6" xfId="0" applyFill="1" applyBorder="1" applyAlignment="1">
      <alignment horizontal="center" vertical="center" textRotation="90"/>
    </xf>
    <xf numFmtId="0" fontId="0" fillId="7" borderId="14" xfId="0" applyFill="1" applyBorder="1" applyAlignment="1">
      <alignment horizontal="center" vertical="center" textRotation="90"/>
    </xf>
    <xf numFmtId="0" fontId="0" fillId="7" borderId="7" xfId="0" applyFill="1" applyBorder="1" applyAlignment="1">
      <alignment horizontal="center" vertical="center" textRotation="90"/>
    </xf>
    <xf numFmtId="0" fontId="0" fillId="7" borderId="8" xfId="0" applyFill="1" applyBorder="1" applyAlignment="1">
      <alignment horizontal="center" vertical="center" textRotation="90"/>
    </xf>
    <xf numFmtId="0" fontId="0" fillId="7" borderId="0" xfId="0" applyFill="1" applyBorder="1" applyAlignment="1">
      <alignment horizontal="center" vertical="center" textRotation="90"/>
    </xf>
    <xf numFmtId="0" fontId="0" fillId="7" borderId="9" xfId="0" applyFill="1" applyBorder="1" applyAlignment="1">
      <alignment horizontal="center" vertical="center" textRotation="90"/>
    </xf>
    <xf numFmtId="0" fontId="0" fillId="7" borderId="12" xfId="0" applyFill="1" applyBorder="1" applyAlignment="1">
      <alignment horizontal="center" vertical="center" textRotation="90"/>
    </xf>
    <xf numFmtId="0" fontId="0" fillId="7" borderId="15" xfId="0" applyFill="1" applyBorder="1" applyAlignment="1">
      <alignment horizontal="center" vertical="center" textRotation="90"/>
    </xf>
    <xf numFmtId="0" fontId="0" fillId="7" borderId="13" xfId="0" applyFill="1" applyBorder="1" applyAlignment="1">
      <alignment horizontal="center" vertical="center" textRotation="90"/>
    </xf>
    <xf numFmtId="0" fontId="0" fillId="8" borderId="16" xfId="0" applyFill="1" applyBorder="1" applyAlignment="1">
      <alignment horizontal="center" vertical="center" textRotation="90"/>
    </xf>
    <xf numFmtId="0" fontId="0" fillId="8" borderId="17" xfId="0" applyFill="1" applyBorder="1" applyAlignment="1">
      <alignment horizontal="center" vertical="center" textRotation="90"/>
    </xf>
    <xf numFmtId="0" fontId="0" fillId="8" borderId="18" xfId="0" applyFill="1" applyBorder="1" applyAlignment="1">
      <alignment horizontal="center" vertical="center" textRotation="90"/>
    </xf>
    <xf numFmtId="0" fontId="0" fillId="8" borderId="16" xfId="0" applyFill="1" applyBorder="1" applyAlignment="1">
      <alignment horizontal="center" vertical="center" textRotation="90" wrapText="1"/>
    </xf>
    <xf numFmtId="0" fontId="0" fillId="8" borderId="17" xfId="0" applyFill="1" applyBorder="1" applyAlignment="1">
      <alignment horizontal="center" vertical="center" textRotation="90" wrapText="1"/>
    </xf>
    <xf numFmtId="0" fontId="0" fillId="8" borderId="18" xfId="0" applyFill="1" applyBorder="1" applyAlignment="1">
      <alignment horizontal="center" vertical="center" textRotation="90" wrapText="1"/>
    </xf>
    <xf numFmtId="0" fontId="0" fillId="0" borderId="0" xfId="0" applyAlignment="1">
      <alignment horizontal="left" vertical="top"/>
    </xf>
    <xf numFmtId="0" fontId="0" fillId="7" borderId="6" xfId="0" applyFill="1" applyBorder="1" applyAlignment="1">
      <alignment horizontal="center"/>
    </xf>
    <xf numFmtId="0" fontId="0" fillId="7" borderId="14" xfId="0" applyFill="1" applyBorder="1" applyAlignment="1">
      <alignment horizontal="center"/>
    </xf>
    <xf numFmtId="0" fontId="0" fillId="7" borderId="7" xfId="0" applyFill="1" applyBorder="1" applyAlignment="1">
      <alignment horizontal="center"/>
    </xf>
    <xf numFmtId="0" fontId="0" fillId="7" borderId="8" xfId="0" applyFill="1" applyBorder="1" applyAlignment="1">
      <alignment horizontal="center"/>
    </xf>
    <xf numFmtId="0" fontId="0" fillId="7" borderId="0" xfId="0" applyFill="1" applyBorder="1" applyAlignment="1">
      <alignment horizontal="center"/>
    </xf>
    <xf numFmtId="0" fontId="0" fillId="7" borderId="9" xfId="0" applyFill="1" applyBorder="1" applyAlignment="1">
      <alignment horizontal="center"/>
    </xf>
    <xf numFmtId="0" fontId="0" fillId="8" borderId="14" xfId="0" applyFill="1" applyBorder="1" applyAlignment="1">
      <alignment vertical="center" textRotation="90"/>
    </xf>
    <xf numFmtId="0" fontId="0" fillId="8" borderId="0" xfId="0" applyFill="1" applyBorder="1" applyAlignment="1">
      <alignment vertical="center" textRotation="90"/>
    </xf>
    <xf numFmtId="0" fontId="0" fillId="8" borderId="0" xfId="0" applyFill="1" applyBorder="1" applyAlignment="1">
      <alignment vertical="center" textRotation="90" wrapText="1"/>
    </xf>
    <xf numFmtId="0" fontId="0" fillId="8" borderId="15" xfId="0" applyFill="1" applyBorder="1" applyAlignment="1">
      <alignment vertical="center" textRotation="90"/>
    </xf>
    <xf numFmtId="0" fontId="8" fillId="0" borderId="1" xfId="0" applyFont="1" applyBorder="1"/>
    <xf numFmtId="14" fontId="11" fillId="0" borderId="1" xfId="0" applyNumberFormat="1" applyFont="1" applyBorder="1"/>
    <xf numFmtId="0" fontId="11" fillId="0" borderId="1" xfId="0" applyFont="1" applyBorder="1"/>
  </cellXfs>
  <cellStyles count="3">
    <cellStyle name="Normal" xfId="0" builtinId="0"/>
    <cellStyle name="Normal 2" xfId="1" xr:uid="{9B6DF441-35FB-46E5-BD3B-D8352C0D49B7}"/>
    <cellStyle name="Normal 4" xfId="2" xr:uid="{32894889-671F-4A28-B4EF-F53A2A86DA4B}"/>
  </cellStyles>
  <dxfs count="0"/>
  <tableStyles count="0" defaultTableStyle="TableStyleMedium2" defaultPivotStyle="PivotStyleLight16"/>
  <colors>
    <mruColors>
      <color rgb="FF3366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png"/><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13" Type="http://schemas.openxmlformats.org/officeDocument/2006/relationships/image" Target="../media/image10.png"/><Relationship Id="rId18" Type="http://schemas.openxmlformats.org/officeDocument/2006/relationships/customXml" Target="../ink/ink9.xml"/><Relationship Id="rId26" Type="http://schemas.openxmlformats.org/officeDocument/2006/relationships/customXml" Target="../ink/ink13.xml"/><Relationship Id="rId21" Type="http://schemas.openxmlformats.org/officeDocument/2006/relationships/image" Target="../media/image14.png"/><Relationship Id="rId55" Type="http://schemas.openxmlformats.org/officeDocument/2006/relationships/image" Target="../media/image31.png"/><Relationship Id="rId63" Type="http://schemas.openxmlformats.org/officeDocument/2006/relationships/customXml" Target="../ink/ink21.xml"/><Relationship Id="rId68" Type="http://schemas.openxmlformats.org/officeDocument/2006/relationships/customXml" Target="../ink/ink26.xml"/><Relationship Id="rId76" Type="http://schemas.openxmlformats.org/officeDocument/2006/relationships/customXml" Target="../ink/ink34.xml"/><Relationship Id="rId7" Type="http://schemas.openxmlformats.org/officeDocument/2006/relationships/image" Target="../media/image7.png"/><Relationship Id="rId12" Type="http://schemas.openxmlformats.org/officeDocument/2006/relationships/customXml" Target="../ink/ink6.xml"/><Relationship Id="rId17" Type="http://schemas.openxmlformats.org/officeDocument/2006/relationships/image" Target="../media/image12.png"/><Relationship Id="rId25" Type="http://schemas.openxmlformats.org/officeDocument/2006/relationships/image" Target="../media/image16.png"/><Relationship Id="rId59" Type="http://schemas.openxmlformats.org/officeDocument/2006/relationships/image" Target="../media/image33.png"/><Relationship Id="rId67" Type="http://schemas.openxmlformats.org/officeDocument/2006/relationships/customXml" Target="../ink/ink25.xml"/><Relationship Id="rId71" Type="http://schemas.openxmlformats.org/officeDocument/2006/relationships/customXml" Target="../ink/ink29.xml"/><Relationship Id="rId2" Type="http://schemas.openxmlformats.org/officeDocument/2006/relationships/customXml" Target="../ink/ink1.xml"/><Relationship Id="rId16" Type="http://schemas.openxmlformats.org/officeDocument/2006/relationships/customXml" Target="../ink/ink8.xml"/><Relationship Id="rId20" Type="http://schemas.openxmlformats.org/officeDocument/2006/relationships/customXml" Target="../ink/ink10.xml"/><Relationship Id="rId29" Type="http://schemas.openxmlformats.org/officeDocument/2006/relationships/image" Target="../media/image18.png"/><Relationship Id="rId62" Type="http://schemas.openxmlformats.org/officeDocument/2006/relationships/customXml" Target="../ink/ink20.xml"/><Relationship Id="rId70" Type="http://schemas.openxmlformats.org/officeDocument/2006/relationships/customXml" Target="../ink/ink28.xml"/><Relationship Id="rId75" Type="http://schemas.openxmlformats.org/officeDocument/2006/relationships/customXml" Target="../ink/ink33.xml"/><Relationship Id="rId83" Type="http://schemas.openxmlformats.org/officeDocument/2006/relationships/customXml" Target="../ink/ink41.xml"/><Relationship Id="rId1" Type="http://schemas.openxmlformats.org/officeDocument/2006/relationships/image" Target="../media/image4.png"/><Relationship Id="rId6" Type="http://schemas.openxmlformats.org/officeDocument/2006/relationships/customXml" Target="../ink/ink3.xml"/><Relationship Id="rId11" Type="http://schemas.openxmlformats.org/officeDocument/2006/relationships/image" Target="../media/image9.png"/><Relationship Id="rId24" Type="http://schemas.openxmlformats.org/officeDocument/2006/relationships/customXml" Target="../ink/ink12.xml"/><Relationship Id="rId58" Type="http://schemas.openxmlformats.org/officeDocument/2006/relationships/customXml" Target="../ink/ink17.xml"/><Relationship Id="rId66" Type="http://schemas.openxmlformats.org/officeDocument/2006/relationships/customXml" Target="../ink/ink24.xml"/><Relationship Id="rId74" Type="http://schemas.openxmlformats.org/officeDocument/2006/relationships/customXml" Target="../ink/ink32.xml"/><Relationship Id="rId79" Type="http://schemas.openxmlformats.org/officeDocument/2006/relationships/customXml" Target="../ink/ink37.xml"/><Relationship Id="rId5" Type="http://schemas.openxmlformats.org/officeDocument/2006/relationships/image" Target="../media/image6.png"/><Relationship Id="rId15" Type="http://schemas.openxmlformats.org/officeDocument/2006/relationships/image" Target="../media/image11.png"/><Relationship Id="rId23" Type="http://schemas.openxmlformats.org/officeDocument/2006/relationships/image" Target="../media/image15.png"/><Relationship Id="rId28" Type="http://schemas.openxmlformats.org/officeDocument/2006/relationships/customXml" Target="../ink/ink14.xml"/><Relationship Id="rId57" Type="http://schemas.openxmlformats.org/officeDocument/2006/relationships/image" Target="../media/image32.png"/><Relationship Id="rId61" Type="http://schemas.openxmlformats.org/officeDocument/2006/relationships/customXml" Target="../ink/ink19.xml"/><Relationship Id="rId82" Type="http://schemas.openxmlformats.org/officeDocument/2006/relationships/customXml" Target="../ink/ink40.xml"/><Relationship Id="rId10" Type="http://schemas.openxmlformats.org/officeDocument/2006/relationships/customXml" Target="../ink/ink5.xml"/><Relationship Id="rId19" Type="http://schemas.openxmlformats.org/officeDocument/2006/relationships/image" Target="../media/image13.png"/><Relationship Id="rId60" Type="http://schemas.openxmlformats.org/officeDocument/2006/relationships/customXml" Target="../ink/ink18.xml"/><Relationship Id="rId65" Type="http://schemas.openxmlformats.org/officeDocument/2006/relationships/customXml" Target="../ink/ink23.xml"/><Relationship Id="rId73" Type="http://schemas.openxmlformats.org/officeDocument/2006/relationships/customXml" Target="../ink/ink31.xml"/><Relationship Id="rId31" Type="http://schemas.openxmlformats.org/officeDocument/2006/relationships/image" Target="../media/image19.png"/><Relationship Id="rId78" Type="http://schemas.openxmlformats.org/officeDocument/2006/relationships/customXml" Target="../ink/ink36.xml"/><Relationship Id="rId81" Type="http://schemas.openxmlformats.org/officeDocument/2006/relationships/customXml" Target="../ink/ink39.xml"/><Relationship Id="rId4" Type="http://schemas.openxmlformats.org/officeDocument/2006/relationships/customXml" Target="../ink/ink2.xml"/><Relationship Id="rId9" Type="http://schemas.openxmlformats.org/officeDocument/2006/relationships/image" Target="../media/image8.png"/><Relationship Id="rId14" Type="http://schemas.openxmlformats.org/officeDocument/2006/relationships/customXml" Target="../ink/ink7.xml"/><Relationship Id="rId22" Type="http://schemas.openxmlformats.org/officeDocument/2006/relationships/customXml" Target="../ink/ink11.xml"/><Relationship Id="rId27" Type="http://schemas.openxmlformats.org/officeDocument/2006/relationships/image" Target="../media/image17.png"/><Relationship Id="rId30" Type="http://schemas.openxmlformats.org/officeDocument/2006/relationships/customXml" Target="../ink/ink15.xml"/><Relationship Id="rId56" Type="http://schemas.openxmlformats.org/officeDocument/2006/relationships/customXml" Target="../ink/ink16.xml"/><Relationship Id="rId64" Type="http://schemas.openxmlformats.org/officeDocument/2006/relationships/customXml" Target="../ink/ink22.xml"/><Relationship Id="rId69" Type="http://schemas.openxmlformats.org/officeDocument/2006/relationships/customXml" Target="../ink/ink27.xml"/><Relationship Id="rId77" Type="http://schemas.openxmlformats.org/officeDocument/2006/relationships/customXml" Target="../ink/ink35.xml"/><Relationship Id="rId8" Type="http://schemas.openxmlformats.org/officeDocument/2006/relationships/customXml" Target="../ink/ink4.xml"/><Relationship Id="rId72" Type="http://schemas.openxmlformats.org/officeDocument/2006/relationships/customXml" Target="../ink/ink30.xml"/><Relationship Id="rId80" Type="http://schemas.openxmlformats.org/officeDocument/2006/relationships/customXml" Target="../ink/ink38.xml"/><Relationship Id="rId3" Type="http://schemas.openxmlformats.org/officeDocument/2006/relationships/image" Target="../media/image5.png"/></Relationships>
</file>

<file path=xl/drawings/_rels/drawing4.xml.rels><?xml version="1.0" encoding="UTF-8" standalone="yes"?>
<Relationships xmlns="http://schemas.openxmlformats.org/package/2006/relationships"><Relationship Id="rId1" Type="http://schemas.openxmlformats.org/officeDocument/2006/relationships/image" Target="../media/image5.emf"/></Relationships>
</file>

<file path=xl/drawings/drawing1.xml><?xml version="1.0" encoding="utf-8"?>
<xdr:wsDr xmlns:xdr="http://schemas.openxmlformats.org/drawingml/2006/spreadsheetDrawing" xmlns:a="http://schemas.openxmlformats.org/drawingml/2006/main">
  <xdr:oneCellAnchor>
    <xdr:from>
      <xdr:col>9</xdr:col>
      <xdr:colOff>219076</xdr:colOff>
      <xdr:row>3</xdr:row>
      <xdr:rowOff>95250</xdr:rowOff>
    </xdr:from>
    <xdr:ext cx="5143500" cy="2757714"/>
    <xdr:pic>
      <xdr:nvPicPr>
        <xdr:cNvPr id="2" name="Picture 1">
          <a:extLst>
            <a:ext uri="{FF2B5EF4-FFF2-40B4-BE49-F238E27FC236}">
              <a16:creationId xmlns:a16="http://schemas.microsoft.com/office/drawing/2014/main" id="{28BB8D9A-62F6-4001-8D60-C024F666D581}"/>
            </a:ext>
          </a:extLst>
        </xdr:cNvPr>
        <xdr:cNvPicPr>
          <a:picLocks noChangeAspect="1"/>
        </xdr:cNvPicPr>
      </xdr:nvPicPr>
      <xdr:blipFill>
        <a:blip xmlns:r="http://schemas.openxmlformats.org/officeDocument/2006/relationships" r:embed="rId1"/>
        <a:stretch>
          <a:fillRect/>
        </a:stretch>
      </xdr:blipFill>
      <xdr:spPr>
        <a:xfrm>
          <a:off x="5286376" y="628650"/>
          <a:ext cx="5143500" cy="2757714"/>
        </a:xfrm>
        <a:prstGeom prst="rect">
          <a:avLst/>
        </a:prstGeom>
      </xdr:spPr>
    </xdr:pic>
    <xdr:clientData/>
  </xdr:oneCellAnchor>
  <xdr:oneCellAnchor>
    <xdr:from>
      <xdr:col>9</xdr:col>
      <xdr:colOff>152400</xdr:colOff>
      <xdr:row>20</xdr:row>
      <xdr:rowOff>66675</xdr:rowOff>
    </xdr:from>
    <xdr:ext cx="1600200" cy="295276"/>
    <xdr:pic macro="[0]!Cover_Picture2_Click">
      <xdr:nvPicPr>
        <xdr:cNvPr id="3" name="Picture 2">
          <a:extLst>
            <a:ext uri="{FF2B5EF4-FFF2-40B4-BE49-F238E27FC236}">
              <a16:creationId xmlns:a16="http://schemas.microsoft.com/office/drawing/2014/main" id="{BF65B3AD-F859-4FF9-A4D9-B055AD680760}"/>
            </a:ext>
          </a:extLst>
        </xdr:cNvPr>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5543550" y="3657600"/>
          <a:ext cx="1600200" cy="295276"/>
        </a:xfrm>
        <a:prstGeom prst="rect">
          <a:avLst/>
        </a:prstGeom>
      </xdr:spPr>
    </xdr:pic>
    <xdr:clientData/>
  </xdr:oneCellAnchor>
  <xdr:twoCellAnchor editAs="oneCell">
    <xdr:from>
      <xdr:col>15</xdr:col>
      <xdr:colOff>590550</xdr:colOff>
      <xdr:row>17</xdr:row>
      <xdr:rowOff>171449</xdr:rowOff>
    </xdr:from>
    <xdr:to>
      <xdr:col>17</xdr:col>
      <xdr:colOff>409575</xdr:colOff>
      <xdr:row>23</xdr:row>
      <xdr:rowOff>66674</xdr:rowOff>
    </xdr:to>
    <xdr:pic>
      <xdr:nvPicPr>
        <xdr:cNvPr id="5" name="Picture 4">
          <a:extLst>
            <a:ext uri="{FF2B5EF4-FFF2-40B4-BE49-F238E27FC236}">
              <a16:creationId xmlns:a16="http://schemas.microsoft.com/office/drawing/2014/main" id="{C57C7D42-BC6A-48B1-B6DF-3C6EE5848A0A}"/>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9315450" y="3371849"/>
          <a:ext cx="1038225" cy="1038225"/>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2</xdr:col>
      <xdr:colOff>9525</xdr:colOff>
      <xdr:row>2</xdr:row>
      <xdr:rowOff>9525</xdr:rowOff>
    </xdr:from>
    <xdr:to>
      <xdr:col>6</xdr:col>
      <xdr:colOff>0</xdr:colOff>
      <xdr:row>5</xdr:row>
      <xdr:rowOff>190500</xdr:rowOff>
    </xdr:to>
    <xdr:sp macro="" textlink="">
      <xdr:nvSpPr>
        <xdr:cNvPr id="2" name="TextBox 1">
          <a:extLst>
            <a:ext uri="{FF2B5EF4-FFF2-40B4-BE49-F238E27FC236}">
              <a16:creationId xmlns:a16="http://schemas.microsoft.com/office/drawing/2014/main" id="{CD27FAF4-6507-435F-A023-0AEF17ABAD38}"/>
            </a:ext>
          </a:extLst>
        </xdr:cNvPr>
        <xdr:cNvSpPr txBox="1"/>
      </xdr:nvSpPr>
      <xdr:spPr>
        <a:xfrm>
          <a:off x="1276350" y="762000"/>
          <a:ext cx="6648450" cy="75247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en-US" sz="1100">
              <a:solidFill>
                <a:schemeClr val="dk1"/>
              </a:solidFill>
              <a:effectLst/>
              <a:latin typeface="+mn-lt"/>
              <a:ea typeface="+mn-ea"/>
              <a:cs typeface="+mn-cs"/>
            </a:rPr>
            <a:t>This log is updated each time this Process Document is updated.  The log identifies the version number, the date the version was completed, the author of the changes, and a brief description of the changes.</a:t>
          </a:r>
        </a:p>
        <a:p>
          <a:endParaRPr lang="en-US" sz="1100"/>
        </a:p>
      </xdr:txBody>
    </xdr:sp>
    <xdr:clientData/>
  </xdr:twoCellAnchor>
  <xdr:oneCellAnchor>
    <xdr:from>
      <xdr:col>1</xdr:col>
      <xdr:colOff>66675</xdr:colOff>
      <xdr:row>41</xdr:row>
      <xdr:rowOff>161925</xdr:rowOff>
    </xdr:from>
    <xdr:ext cx="1676400" cy="295276"/>
    <xdr:pic macro="[0]!Picture2_Click">
      <xdr:nvPicPr>
        <xdr:cNvPr id="3" name="Picture 2">
          <a:extLst>
            <a:ext uri="{FF2B5EF4-FFF2-40B4-BE49-F238E27FC236}">
              <a16:creationId xmlns:a16="http://schemas.microsoft.com/office/drawing/2014/main" id="{4253E47F-822F-4B97-B217-B1C7029D7E4C}"/>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14425" y="8353425"/>
          <a:ext cx="1676400" cy="295276"/>
        </a:xfrm>
        <a:prstGeom prst="rect">
          <a:avLst/>
        </a:prstGeom>
      </xdr:spPr>
    </xdr:pic>
    <xdr:clientData/>
  </xdr:oneCellAnchor>
</xdr:wsDr>
</file>

<file path=xl/drawings/drawing3.xml><?xml version="1.0" encoding="utf-8"?>
<xdr:wsDr xmlns:xdr="http://schemas.openxmlformats.org/drawingml/2006/spreadsheetDrawing" xmlns:a="http://schemas.openxmlformats.org/drawingml/2006/main">
  <xdr:oneCellAnchor>
    <xdr:from>
      <xdr:col>1</xdr:col>
      <xdr:colOff>266700</xdr:colOff>
      <xdr:row>2</xdr:row>
      <xdr:rowOff>57151</xdr:rowOff>
    </xdr:from>
    <xdr:ext cx="9058275" cy="4488862"/>
    <xdr:pic>
      <xdr:nvPicPr>
        <xdr:cNvPr id="2" name="Picture 1" descr="[Supplier] &#10;- Scope — Purchase Order, Purchase Order Change, Forecast, Scheduling Agreement, Order Confirmation, Service Entry Sheets, Advance Ship Notice, Inwice, Quality Notification, Credit Memo &#10;Forecast &#10;General &#10;Returns &#10;Credit &#10;Create &#10;Create &#10;Scheduli ng &#10;Purchaæ &#10;Agræment / &#10;Scheduli ng &#10;Purchaæ &#10;Agræment / &#10;update PO in &#10;Cræte Order &#10;SHI p &#10;SHI p &#10;Notifiætio &#10;R Qiæ &#10;Not I fetion &#10;R Qiæ &#10;Notifiætio &#10;to &#10;Notifiætio &#10;Retum &#10;Ret ">
          <a:extLst>
            <a:ext uri="{FF2B5EF4-FFF2-40B4-BE49-F238E27FC236}">
              <a16:creationId xmlns:a16="http://schemas.microsoft.com/office/drawing/2014/main" id="{6371753B-0A6A-420E-BC34-23522FAB15F9}"/>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76300" y="438151"/>
          <a:ext cx="9058275" cy="4488862"/>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twoCellAnchor>
    <xdr:from>
      <xdr:col>8</xdr:col>
      <xdr:colOff>209775</xdr:colOff>
      <xdr:row>7</xdr:row>
      <xdr:rowOff>171450</xdr:rowOff>
    </xdr:from>
    <xdr:to>
      <xdr:col>9</xdr:col>
      <xdr:colOff>457335</xdr:colOff>
      <xdr:row>8</xdr:row>
      <xdr:rowOff>1110</xdr:rowOff>
    </xdr:to>
    <mc:AlternateContent xmlns:mc="http://schemas.openxmlformats.org/markup-compatibility/2006" xmlns:xdr14="http://schemas.microsoft.com/office/excel/2010/spreadsheetDrawing">
      <mc:Choice Requires="xdr14">
        <xdr:contentPart xmlns:r="http://schemas.openxmlformats.org/officeDocument/2006/relationships" r:id="rId2">
          <xdr14:nvContentPartPr>
            <xdr14:cNvPr id="3" name="Ink 2">
              <a:extLst>
                <a:ext uri="{FF2B5EF4-FFF2-40B4-BE49-F238E27FC236}">
                  <a16:creationId xmlns:a16="http://schemas.microsoft.com/office/drawing/2014/main" id="{1AF598D4-D3CB-4A68-B7D3-184FA9BCA7B6}"/>
                </a:ext>
              </a:extLst>
            </xdr14:cNvPr>
            <xdr14:cNvContentPartPr/>
          </xdr14:nvContentPartPr>
          <xdr14:nvPr macro=""/>
          <xdr14:xfrm>
            <a:off x="5086575" y="1504950"/>
            <a:ext cx="857160" cy="20160"/>
          </xdr14:xfrm>
        </xdr:contentPart>
      </mc:Choice>
      <mc:Fallback xmlns="">
        <xdr:pic>
          <xdr:nvPicPr>
            <xdr:cNvPr id="43" name="Ink 42">
              <a:extLst>
                <a:ext uri="{FF2B5EF4-FFF2-40B4-BE49-F238E27FC236}">
                  <a16:creationId xmlns:a16="http://schemas.microsoft.com/office/drawing/2014/main" id="{1A13187D-C2B7-4F27-A5ED-A5F569ABC30C}"/>
                </a:ext>
              </a:extLst>
            </xdr:cNvPr>
            <xdr:cNvPicPr/>
          </xdr:nvPicPr>
          <xdr:blipFill>
            <a:blip xmlns:r="http://schemas.openxmlformats.org/officeDocument/2006/relationships" r:embed="rId3"/>
            <a:stretch>
              <a:fillRect/>
            </a:stretch>
          </xdr:blipFill>
          <xdr:spPr>
            <a:xfrm>
              <a:off x="8175585" y="1263585"/>
              <a:ext cx="964800" cy="235800"/>
            </a:xfrm>
            <a:prstGeom prst="rect">
              <a:avLst/>
            </a:prstGeom>
          </xdr:spPr>
        </xdr:pic>
      </mc:Fallback>
    </mc:AlternateContent>
    <xdr:clientData/>
  </xdr:twoCellAnchor>
  <xdr:twoCellAnchor>
    <xdr:from>
      <xdr:col>8</xdr:col>
      <xdr:colOff>180975</xdr:colOff>
      <xdr:row>8</xdr:row>
      <xdr:rowOff>133230</xdr:rowOff>
    </xdr:from>
    <xdr:to>
      <xdr:col>9</xdr:col>
      <xdr:colOff>284175</xdr:colOff>
      <xdr:row>8</xdr:row>
      <xdr:rowOff>164910</xdr:rowOff>
    </xdr:to>
    <mc:AlternateContent xmlns:mc="http://schemas.openxmlformats.org/markup-compatibility/2006" xmlns:xdr14="http://schemas.microsoft.com/office/excel/2010/spreadsheetDrawing">
      <mc:Choice Requires="xdr14">
        <xdr:contentPart xmlns:r="http://schemas.openxmlformats.org/officeDocument/2006/relationships" r:id="rId4">
          <xdr14:nvContentPartPr>
            <xdr14:cNvPr id="4" name="Ink 3">
              <a:extLst>
                <a:ext uri="{FF2B5EF4-FFF2-40B4-BE49-F238E27FC236}">
                  <a16:creationId xmlns:a16="http://schemas.microsoft.com/office/drawing/2014/main" id="{D7C2215F-6DA5-4E02-A461-EE1F57745BA3}"/>
                </a:ext>
              </a:extLst>
            </xdr14:cNvPr>
            <xdr14:cNvContentPartPr/>
          </xdr14:nvContentPartPr>
          <xdr14:nvPr macro=""/>
          <xdr14:xfrm>
            <a:off x="5057775" y="1657230"/>
            <a:ext cx="712800" cy="31680"/>
          </xdr14:xfrm>
        </xdr:contentPart>
      </mc:Choice>
      <mc:Fallback xmlns="">
        <xdr:pic>
          <xdr:nvPicPr>
            <xdr:cNvPr id="44" name="Ink 43">
              <a:extLst>
                <a:ext uri="{FF2B5EF4-FFF2-40B4-BE49-F238E27FC236}">
                  <a16:creationId xmlns:a16="http://schemas.microsoft.com/office/drawing/2014/main" id="{ACD98EEC-51D9-489A-A87F-C6FEC12185C8}"/>
                </a:ext>
              </a:extLst>
            </xdr:cNvPr>
            <xdr:cNvPicPr/>
          </xdr:nvPicPr>
          <xdr:blipFill>
            <a:blip xmlns:r="http://schemas.openxmlformats.org/officeDocument/2006/relationships" r:embed="rId5"/>
            <a:stretch>
              <a:fillRect/>
            </a:stretch>
          </xdr:blipFill>
          <xdr:spPr>
            <a:xfrm>
              <a:off x="8147145" y="1415865"/>
              <a:ext cx="820440" cy="247320"/>
            </a:xfrm>
            <a:prstGeom prst="rect">
              <a:avLst/>
            </a:prstGeom>
          </xdr:spPr>
        </xdr:pic>
      </mc:Fallback>
    </mc:AlternateContent>
    <xdr:clientData/>
  </xdr:twoCellAnchor>
  <xdr:twoCellAnchor>
    <xdr:from>
      <xdr:col>8</xdr:col>
      <xdr:colOff>228495</xdr:colOff>
      <xdr:row>9</xdr:row>
      <xdr:rowOff>75930</xdr:rowOff>
    </xdr:from>
    <xdr:to>
      <xdr:col>9</xdr:col>
      <xdr:colOff>243855</xdr:colOff>
      <xdr:row>9</xdr:row>
      <xdr:rowOff>128130</xdr:rowOff>
    </xdr:to>
    <mc:AlternateContent xmlns:mc="http://schemas.openxmlformats.org/markup-compatibility/2006" xmlns:xdr14="http://schemas.microsoft.com/office/excel/2010/spreadsheetDrawing">
      <mc:Choice Requires="xdr14">
        <xdr:contentPart xmlns:r="http://schemas.openxmlformats.org/officeDocument/2006/relationships" r:id="rId6">
          <xdr14:nvContentPartPr>
            <xdr14:cNvPr id="5" name="Ink 4">
              <a:extLst>
                <a:ext uri="{FF2B5EF4-FFF2-40B4-BE49-F238E27FC236}">
                  <a16:creationId xmlns:a16="http://schemas.microsoft.com/office/drawing/2014/main" id="{1EC1B5AB-9E0E-4E02-A2E1-A0B733374C4A}"/>
                </a:ext>
              </a:extLst>
            </xdr14:cNvPr>
            <xdr14:cNvContentPartPr/>
          </xdr14:nvContentPartPr>
          <xdr14:nvPr macro=""/>
          <xdr14:xfrm>
            <a:off x="5105295" y="1790430"/>
            <a:ext cx="624960" cy="52200"/>
          </xdr14:xfrm>
        </xdr:contentPart>
      </mc:Choice>
      <mc:Fallback xmlns="">
        <xdr:pic>
          <xdr:nvPicPr>
            <xdr:cNvPr id="45" name="Ink 44">
              <a:extLst>
                <a:ext uri="{FF2B5EF4-FFF2-40B4-BE49-F238E27FC236}">
                  <a16:creationId xmlns:a16="http://schemas.microsoft.com/office/drawing/2014/main" id="{8633888D-1A90-4D77-8351-06F14D8C19A1}"/>
                </a:ext>
              </a:extLst>
            </xdr:cNvPr>
            <xdr:cNvPicPr/>
          </xdr:nvPicPr>
          <xdr:blipFill>
            <a:blip xmlns:r="http://schemas.openxmlformats.org/officeDocument/2006/relationships" r:embed="rId7"/>
            <a:stretch>
              <a:fillRect/>
            </a:stretch>
          </xdr:blipFill>
          <xdr:spPr>
            <a:xfrm>
              <a:off x="8194665" y="1549425"/>
              <a:ext cx="732600" cy="267840"/>
            </a:xfrm>
            <a:prstGeom prst="rect">
              <a:avLst/>
            </a:prstGeom>
          </xdr:spPr>
        </xdr:pic>
      </mc:Fallback>
    </mc:AlternateContent>
    <xdr:clientData/>
  </xdr:twoCellAnchor>
  <xdr:twoCellAnchor>
    <xdr:from>
      <xdr:col>8</xdr:col>
      <xdr:colOff>266655</xdr:colOff>
      <xdr:row>9</xdr:row>
      <xdr:rowOff>171330</xdr:rowOff>
    </xdr:from>
    <xdr:to>
      <xdr:col>9</xdr:col>
      <xdr:colOff>153135</xdr:colOff>
      <xdr:row>10</xdr:row>
      <xdr:rowOff>63990</xdr:rowOff>
    </xdr:to>
    <mc:AlternateContent xmlns:mc="http://schemas.openxmlformats.org/markup-compatibility/2006" xmlns:xdr14="http://schemas.microsoft.com/office/excel/2010/spreadsheetDrawing">
      <mc:Choice Requires="xdr14">
        <xdr:contentPart xmlns:r="http://schemas.openxmlformats.org/officeDocument/2006/relationships" r:id="rId8">
          <xdr14:nvContentPartPr>
            <xdr14:cNvPr id="6" name="Ink 5">
              <a:extLst>
                <a:ext uri="{FF2B5EF4-FFF2-40B4-BE49-F238E27FC236}">
                  <a16:creationId xmlns:a16="http://schemas.microsoft.com/office/drawing/2014/main" id="{352E0313-A01E-4788-B709-9CC11D61D256}"/>
                </a:ext>
              </a:extLst>
            </xdr14:cNvPr>
            <xdr14:cNvContentPartPr/>
          </xdr14:nvContentPartPr>
          <xdr14:nvPr macro=""/>
          <xdr14:xfrm>
            <a:off x="5143455" y="1885830"/>
            <a:ext cx="496080" cy="83160"/>
          </xdr14:xfrm>
        </xdr:contentPart>
      </mc:Choice>
      <mc:Fallback xmlns="">
        <xdr:pic>
          <xdr:nvPicPr>
            <xdr:cNvPr id="46" name="Ink 45">
              <a:extLst>
                <a:ext uri="{FF2B5EF4-FFF2-40B4-BE49-F238E27FC236}">
                  <a16:creationId xmlns:a16="http://schemas.microsoft.com/office/drawing/2014/main" id="{8378ED69-9A6F-458E-BF31-5CCF9FD181BA}"/>
                </a:ext>
              </a:extLst>
            </xdr:cNvPr>
            <xdr:cNvPicPr/>
          </xdr:nvPicPr>
          <xdr:blipFill>
            <a:blip xmlns:r="http://schemas.openxmlformats.org/officeDocument/2006/relationships" r:embed="rId9"/>
            <a:stretch>
              <a:fillRect/>
            </a:stretch>
          </xdr:blipFill>
          <xdr:spPr>
            <a:xfrm>
              <a:off x="8232825" y="1644465"/>
              <a:ext cx="603720" cy="298800"/>
            </a:xfrm>
            <a:prstGeom prst="rect">
              <a:avLst/>
            </a:prstGeom>
          </xdr:spPr>
        </xdr:pic>
      </mc:Fallback>
    </mc:AlternateContent>
    <xdr:clientData/>
  </xdr:twoCellAnchor>
  <xdr:twoCellAnchor>
    <xdr:from>
      <xdr:col>8</xdr:col>
      <xdr:colOff>266655</xdr:colOff>
      <xdr:row>10</xdr:row>
      <xdr:rowOff>152190</xdr:rowOff>
    </xdr:from>
    <xdr:to>
      <xdr:col>9</xdr:col>
      <xdr:colOff>252135</xdr:colOff>
      <xdr:row>11</xdr:row>
      <xdr:rowOff>3450</xdr:rowOff>
    </xdr:to>
    <mc:AlternateContent xmlns:mc="http://schemas.openxmlformats.org/markup-compatibility/2006" xmlns:xdr14="http://schemas.microsoft.com/office/excel/2010/spreadsheetDrawing">
      <mc:Choice Requires="xdr14">
        <xdr:contentPart xmlns:r="http://schemas.openxmlformats.org/officeDocument/2006/relationships" r:id="rId10">
          <xdr14:nvContentPartPr>
            <xdr14:cNvPr id="7" name="Ink 6">
              <a:extLst>
                <a:ext uri="{FF2B5EF4-FFF2-40B4-BE49-F238E27FC236}">
                  <a16:creationId xmlns:a16="http://schemas.microsoft.com/office/drawing/2014/main" id="{4161BBFB-CB27-422F-A4B5-CD7173DFAAF2}"/>
                </a:ext>
              </a:extLst>
            </xdr14:cNvPr>
            <xdr14:cNvContentPartPr/>
          </xdr14:nvContentPartPr>
          <xdr14:nvPr macro=""/>
          <xdr14:xfrm>
            <a:off x="5143455" y="2057190"/>
            <a:ext cx="595080" cy="41760"/>
          </xdr14:xfrm>
        </xdr:contentPart>
      </mc:Choice>
      <mc:Fallback xmlns="">
        <xdr:pic>
          <xdr:nvPicPr>
            <xdr:cNvPr id="47" name="Ink 46">
              <a:extLst>
                <a:ext uri="{FF2B5EF4-FFF2-40B4-BE49-F238E27FC236}">
                  <a16:creationId xmlns:a16="http://schemas.microsoft.com/office/drawing/2014/main" id="{4848F51F-4A72-4482-87D0-A6EA8F834E51}"/>
                </a:ext>
              </a:extLst>
            </xdr:cNvPr>
            <xdr:cNvPicPr/>
          </xdr:nvPicPr>
          <xdr:blipFill>
            <a:blip xmlns:r="http://schemas.openxmlformats.org/officeDocument/2006/relationships" r:embed="rId11"/>
            <a:stretch>
              <a:fillRect/>
            </a:stretch>
          </xdr:blipFill>
          <xdr:spPr>
            <a:xfrm>
              <a:off x="8232825" y="1816185"/>
              <a:ext cx="702720" cy="257400"/>
            </a:xfrm>
            <a:prstGeom prst="rect">
              <a:avLst/>
            </a:prstGeom>
          </xdr:spPr>
        </xdr:pic>
      </mc:Fallback>
    </mc:AlternateContent>
    <xdr:clientData/>
  </xdr:twoCellAnchor>
  <xdr:twoCellAnchor>
    <xdr:from>
      <xdr:col>8</xdr:col>
      <xdr:colOff>314535</xdr:colOff>
      <xdr:row>11</xdr:row>
      <xdr:rowOff>161850</xdr:rowOff>
    </xdr:from>
    <xdr:to>
      <xdr:col>9</xdr:col>
      <xdr:colOff>264735</xdr:colOff>
      <xdr:row>11</xdr:row>
      <xdr:rowOff>171570</xdr:rowOff>
    </xdr:to>
    <mc:AlternateContent xmlns:mc="http://schemas.openxmlformats.org/markup-compatibility/2006" xmlns:xdr14="http://schemas.microsoft.com/office/excel/2010/spreadsheetDrawing">
      <mc:Choice Requires="xdr14">
        <xdr:contentPart xmlns:r="http://schemas.openxmlformats.org/officeDocument/2006/relationships" r:id="rId12">
          <xdr14:nvContentPartPr>
            <xdr14:cNvPr id="8" name="Ink 7">
              <a:extLst>
                <a:ext uri="{FF2B5EF4-FFF2-40B4-BE49-F238E27FC236}">
                  <a16:creationId xmlns:a16="http://schemas.microsoft.com/office/drawing/2014/main" id="{86C1BE55-EC03-45C0-80E6-5DA17CF432C0}"/>
                </a:ext>
              </a:extLst>
            </xdr14:cNvPr>
            <xdr14:cNvContentPartPr/>
          </xdr14:nvContentPartPr>
          <xdr14:nvPr macro=""/>
          <xdr14:xfrm>
            <a:off x="5191335" y="2257350"/>
            <a:ext cx="559800" cy="9720"/>
          </xdr14:xfrm>
        </xdr:contentPart>
      </mc:Choice>
      <mc:Fallback xmlns="">
        <xdr:pic>
          <xdr:nvPicPr>
            <xdr:cNvPr id="48" name="Ink 47">
              <a:extLst>
                <a:ext uri="{FF2B5EF4-FFF2-40B4-BE49-F238E27FC236}">
                  <a16:creationId xmlns:a16="http://schemas.microsoft.com/office/drawing/2014/main" id="{C460D6F1-49E0-4023-A37E-F012C296EA85}"/>
                </a:ext>
              </a:extLst>
            </xdr:cNvPr>
            <xdr:cNvPicPr/>
          </xdr:nvPicPr>
          <xdr:blipFill>
            <a:blip xmlns:r="http://schemas.openxmlformats.org/officeDocument/2006/relationships" r:embed="rId13"/>
            <a:stretch>
              <a:fillRect/>
            </a:stretch>
          </xdr:blipFill>
          <xdr:spPr>
            <a:xfrm>
              <a:off x="8280345" y="2015985"/>
              <a:ext cx="667440" cy="225360"/>
            </a:xfrm>
            <a:prstGeom prst="rect">
              <a:avLst/>
            </a:prstGeom>
          </xdr:spPr>
        </xdr:pic>
      </mc:Fallback>
    </mc:AlternateContent>
    <xdr:clientData/>
  </xdr:twoCellAnchor>
  <xdr:twoCellAnchor>
    <xdr:from>
      <xdr:col>8</xdr:col>
      <xdr:colOff>381135</xdr:colOff>
      <xdr:row>12</xdr:row>
      <xdr:rowOff>104550</xdr:rowOff>
    </xdr:from>
    <xdr:to>
      <xdr:col>9</xdr:col>
      <xdr:colOff>132255</xdr:colOff>
      <xdr:row>12</xdr:row>
      <xdr:rowOff>127590</xdr:rowOff>
    </xdr:to>
    <mc:AlternateContent xmlns:mc="http://schemas.openxmlformats.org/markup-compatibility/2006" xmlns:xdr14="http://schemas.microsoft.com/office/excel/2010/spreadsheetDrawing">
      <mc:Choice Requires="xdr14">
        <xdr:contentPart xmlns:r="http://schemas.openxmlformats.org/officeDocument/2006/relationships" r:id="rId14">
          <xdr14:nvContentPartPr>
            <xdr14:cNvPr id="9" name="Ink 8">
              <a:extLst>
                <a:ext uri="{FF2B5EF4-FFF2-40B4-BE49-F238E27FC236}">
                  <a16:creationId xmlns:a16="http://schemas.microsoft.com/office/drawing/2014/main" id="{5D4DEDDC-A710-4479-87DB-BB4DF830C083}"/>
                </a:ext>
              </a:extLst>
            </xdr14:cNvPr>
            <xdr14:cNvContentPartPr/>
          </xdr14:nvContentPartPr>
          <xdr14:nvPr macro=""/>
          <xdr14:xfrm>
            <a:off x="5257935" y="2390550"/>
            <a:ext cx="360720" cy="23040"/>
          </xdr14:xfrm>
        </xdr:contentPart>
      </mc:Choice>
      <mc:Fallback xmlns="">
        <xdr:pic>
          <xdr:nvPicPr>
            <xdr:cNvPr id="49" name="Ink 48">
              <a:extLst>
                <a:ext uri="{FF2B5EF4-FFF2-40B4-BE49-F238E27FC236}">
                  <a16:creationId xmlns:a16="http://schemas.microsoft.com/office/drawing/2014/main" id="{9EB552EF-B87B-4897-9790-1675EFF061D2}"/>
                </a:ext>
              </a:extLst>
            </xdr:cNvPr>
            <xdr:cNvPicPr/>
          </xdr:nvPicPr>
          <xdr:blipFill>
            <a:blip xmlns:r="http://schemas.openxmlformats.org/officeDocument/2006/relationships" r:embed="rId15"/>
            <a:stretch>
              <a:fillRect/>
            </a:stretch>
          </xdr:blipFill>
          <xdr:spPr>
            <a:xfrm>
              <a:off x="8346945" y="2149545"/>
              <a:ext cx="468360" cy="238680"/>
            </a:xfrm>
            <a:prstGeom prst="rect">
              <a:avLst/>
            </a:prstGeom>
          </xdr:spPr>
        </xdr:pic>
      </mc:Fallback>
    </mc:AlternateContent>
    <xdr:clientData/>
  </xdr:twoCellAnchor>
  <xdr:twoCellAnchor>
    <xdr:from>
      <xdr:col>8</xdr:col>
      <xdr:colOff>485895</xdr:colOff>
      <xdr:row>13</xdr:row>
      <xdr:rowOff>56970</xdr:rowOff>
    </xdr:from>
    <xdr:to>
      <xdr:col>9</xdr:col>
      <xdr:colOff>86175</xdr:colOff>
      <xdr:row>13</xdr:row>
      <xdr:rowOff>77130</xdr:rowOff>
    </xdr:to>
    <mc:AlternateContent xmlns:mc="http://schemas.openxmlformats.org/markup-compatibility/2006" xmlns:xdr14="http://schemas.microsoft.com/office/excel/2010/spreadsheetDrawing">
      <mc:Choice Requires="xdr14">
        <xdr:contentPart xmlns:r="http://schemas.openxmlformats.org/officeDocument/2006/relationships" r:id="rId16">
          <xdr14:nvContentPartPr>
            <xdr14:cNvPr id="10" name="Ink 9">
              <a:extLst>
                <a:ext uri="{FF2B5EF4-FFF2-40B4-BE49-F238E27FC236}">
                  <a16:creationId xmlns:a16="http://schemas.microsoft.com/office/drawing/2014/main" id="{F04E1EEA-CD03-47B7-91BD-3F2FFDE60A35}"/>
                </a:ext>
              </a:extLst>
            </xdr14:cNvPr>
            <xdr14:cNvContentPartPr/>
          </xdr14:nvContentPartPr>
          <xdr14:nvPr macro=""/>
          <xdr14:xfrm>
            <a:off x="5362695" y="2533470"/>
            <a:ext cx="209880" cy="20160"/>
          </xdr14:xfrm>
        </xdr:contentPart>
      </mc:Choice>
      <mc:Fallback xmlns="">
        <xdr:pic>
          <xdr:nvPicPr>
            <xdr:cNvPr id="50" name="Ink 49">
              <a:extLst>
                <a:ext uri="{FF2B5EF4-FFF2-40B4-BE49-F238E27FC236}">
                  <a16:creationId xmlns:a16="http://schemas.microsoft.com/office/drawing/2014/main" id="{8963E345-7250-4879-9353-BF8B39BA890C}"/>
                </a:ext>
              </a:extLst>
            </xdr:cNvPr>
            <xdr:cNvPicPr/>
          </xdr:nvPicPr>
          <xdr:blipFill>
            <a:blip xmlns:r="http://schemas.openxmlformats.org/officeDocument/2006/relationships" r:embed="rId17"/>
            <a:stretch>
              <a:fillRect/>
            </a:stretch>
          </xdr:blipFill>
          <xdr:spPr>
            <a:xfrm>
              <a:off x="8451705" y="2292465"/>
              <a:ext cx="317520" cy="235800"/>
            </a:xfrm>
            <a:prstGeom prst="rect">
              <a:avLst/>
            </a:prstGeom>
          </xdr:spPr>
        </xdr:pic>
      </mc:Fallback>
    </mc:AlternateContent>
    <xdr:clientData/>
  </xdr:twoCellAnchor>
  <xdr:twoCellAnchor>
    <xdr:from>
      <xdr:col>8</xdr:col>
      <xdr:colOff>481575</xdr:colOff>
      <xdr:row>13</xdr:row>
      <xdr:rowOff>180810</xdr:rowOff>
    </xdr:from>
    <xdr:to>
      <xdr:col>9</xdr:col>
      <xdr:colOff>79335</xdr:colOff>
      <xdr:row>14</xdr:row>
      <xdr:rowOff>39270</xdr:rowOff>
    </xdr:to>
    <mc:AlternateContent xmlns:mc="http://schemas.openxmlformats.org/markup-compatibility/2006" xmlns:xdr14="http://schemas.microsoft.com/office/excel/2010/spreadsheetDrawing">
      <mc:Choice Requires="xdr14">
        <xdr:contentPart xmlns:r="http://schemas.openxmlformats.org/officeDocument/2006/relationships" r:id="rId18">
          <xdr14:nvContentPartPr>
            <xdr14:cNvPr id="11" name="Ink 10">
              <a:extLst>
                <a:ext uri="{FF2B5EF4-FFF2-40B4-BE49-F238E27FC236}">
                  <a16:creationId xmlns:a16="http://schemas.microsoft.com/office/drawing/2014/main" id="{FE78578E-7931-4412-9FEF-30467A6068C3}"/>
                </a:ext>
              </a:extLst>
            </xdr14:cNvPr>
            <xdr14:cNvContentPartPr/>
          </xdr14:nvContentPartPr>
          <xdr14:nvPr macro=""/>
          <xdr14:xfrm>
            <a:off x="5358375" y="2657310"/>
            <a:ext cx="207360" cy="48960"/>
          </xdr14:xfrm>
        </xdr:contentPart>
      </mc:Choice>
      <mc:Fallback xmlns="">
        <xdr:pic>
          <xdr:nvPicPr>
            <xdr:cNvPr id="51" name="Ink 50">
              <a:extLst>
                <a:ext uri="{FF2B5EF4-FFF2-40B4-BE49-F238E27FC236}">
                  <a16:creationId xmlns:a16="http://schemas.microsoft.com/office/drawing/2014/main" id="{73E07720-E589-482A-AA5F-3E5DA6B2C67E}"/>
                </a:ext>
              </a:extLst>
            </xdr:cNvPr>
            <xdr:cNvPicPr/>
          </xdr:nvPicPr>
          <xdr:blipFill>
            <a:blip xmlns:r="http://schemas.openxmlformats.org/officeDocument/2006/relationships" r:embed="rId19"/>
            <a:stretch>
              <a:fillRect/>
            </a:stretch>
          </xdr:blipFill>
          <xdr:spPr>
            <a:xfrm>
              <a:off x="8447745" y="2415945"/>
              <a:ext cx="315000" cy="264600"/>
            </a:xfrm>
            <a:prstGeom prst="rect">
              <a:avLst/>
            </a:prstGeom>
          </xdr:spPr>
        </xdr:pic>
      </mc:Fallback>
    </mc:AlternateContent>
    <xdr:clientData/>
  </xdr:twoCellAnchor>
  <xdr:twoCellAnchor>
    <xdr:from>
      <xdr:col>8</xdr:col>
      <xdr:colOff>485895</xdr:colOff>
      <xdr:row>14</xdr:row>
      <xdr:rowOff>133230</xdr:rowOff>
    </xdr:from>
    <xdr:to>
      <xdr:col>9</xdr:col>
      <xdr:colOff>107055</xdr:colOff>
      <xdr:row>14</xdr:row>
      <xdr:rowOff>185790</xdr:rowOff>
    </xdr:to>
    <mc:AlternateContent xmlns:mc="http://schemas.openxmlformats.org/markup-compatibility/2006" xmlns:xdr14="http://schemas.microsoft.com/office/excel/2010/spreadsheetDrawing">
      <mc:Choice Requires="xdr14">
        <xdr:contentPart xmlns:r="http://schemas.openxmlformats.org/officeDocument/2006/relationships" r:id="rId20">
          <xdr14:nvContentPartPr>
            <xdr14:cNvPr id="12" name="Ink 11">
              <a:extLst>
                <a:ext uri="{FF2B5EF4-FFF2-40B4-BE49-F238E27FC236}">
                  <a16:creationId xmlns:a16="http://schemas.microsoft.com/office/drawing/2014/main" id="{C88D9EF8-C598-43FB-9598-AD38E20F5752}"/>
                </a:ext>
              </a:extLst>
            </xdr14:cNvPr>
            <xdr14:cNvContentPartPr/>
          </xdr14:nvContentPartPr>
          <xdr14:nvPr macro=""/>
          <xdr14:xfrm>
            <a:off x="5362695" y="2800230"/>
            <a:ext cx="230760" cy="52560"/>
          </xdr14:xfrm>
        </xdr:contentPart>
      </mc:Choice>
      <mc:Fallback xmlns="">
        <xdr:pic>
          <xdr:nvPicPr>
            <xdr:cNvPr id="52" name="Ink 51">
              <a:extLst>
                <a:ext uri="{FF2B5EF4-FFF2-40B4-BE49-F238E27FC236}">
                  <a16:creationId xmlns:a16="http://schemas.microsoft.com/office/drawing/2014/main" id="{A61A17C9-DAC5-46C3-BD73-8A843EB33934}"/>
                </a:ext>
              </a:extLst>
            </xdr:cNvPr>
            <xdr:cNvPicPr/>
          </xdr:nvPicPr>
          <xdr:blipFill>
            <a:blip xmlns:r="http://schemas.openxmlformats.org/officeDocument/2006/relationships" r:embed="rId21"/>
            <a:stretch>
              <a:fillRect/>
            </a:stretch>
          </xdr:blipFill>
          <xdr:spPr>
            <a:xfrm>
              <a:off x="8451705" y="2558865"/>
              <a:ext cx="338400" cy="268200"/>
            </a:xfrm>
            <a:prstGeom prst="rect">
              <a:avLst/>
            </a:prstGeom>
          </xdr:spPr>
        </xdr:pic>
      </mc:Fallback>
    </mc:AlternateContent>
    <xdr:clientData/>
  </xdr:twoCellAnchor>
  <xdr:twoCellAnchor>
    <xdr:from>
      <xdr:col>8</xdr:col>
      <xdr:colOff>495255</xdr:colOff>
      <xdr:row>15</xdr:row>
      <xdr:rowOff>85650</xdr:rowOff>
    </xdr:from>
    <xdr:to>
      <xdr:col>9</xdr:col>
      <xdr:colOff>148815</xdr:colOff>
      <xdr:row>15</xdr:row>
      <xdr:rowOff>96090</xdr:rowOff>
    </xdr:to>
    <mc:AlternateContent xmlns:mc="http://schemas.openxmlformats.org/markup-compatibility/2006" xmlns:xdr14="http://schemas.microsoft.com/office/excel/2010/spreadsheetDrawing">
      <mc:Choice Requires="xdr14">
        <xdr:contentPart xmlns:r="http://schemas.openxmlformats.org/officeDocument/2006/relationships" r:id="rId22">
          <xdr14:nvContentPartPr>
            <xdr14:cNvPr id="13" name="Ink 12">
              <a:extLst>
                <a:ext uri="{FF2B5EF4-FFF2-40B4-BE49-F238E27FC236}">
                  <a16:creationId xmlns:a16="http://schemas.microsoft.com/office/drawing/2014/main" id="{01F500B2-0084-4C86-86A6-D7CDE694E0B6}"/>
                </a:ext>
              </a:extLst>
            </xdr14:cNvPr>
            <xdr14:cNvContentPartPr/>
          </xdr14:nvContentPartPr>
          <xdr14:nvPr macro=""/>
          <xdr14:xfrm>
            <a:off x="5372055" y="2943150"/>
            <a:ext cx="263160" cy="10440"/>
          </xdr14:xfrm>
        </xdr:contentPart>
      </mc:Choice>
      <mc:Fallback xmlns="">
        <xdr:pic>
          <xdr:nvPicPr>
            <xdr:cNvPr id="53" name="Ink 52">
              <a:extLst>
                <a:ext uri="{FF2B5EF4-FFF2-40B4-BE49-F238E27FC236}">
                  <a16:creationId xmlns:a16="http://schemas.microsoft.com/office/drawing/2014/main" id="{902E2F1D-A868-4DDD-834A-688553BF6081}"/>
                </a:ext>
              </a:extLst>
            </xdr:cNvPr>
            <xdr:cNvPicPr/>
          </xdr:nvPicPr>
          <xdr:blipFill>
            <a:blip xmlns:r="http://schemas.openxmlformats.org/officeDocument/2006/relationships" r:embed="rId23"/>
            <a:stretch>
              <a:fillRect/>
            </a:stretch>
          </xdr:blipFill>
          <xdr:spPr>
            <a:xfrm>
              <a:off x="8461425" y="2701785"/>
              <a:ext cx="370800" cy="226080"/>
            </a:xfrm>
            <a:prstGeom prst="rect">
              <a:avLst/>
            </a:prstGeom>
          </xdr:spPr>
        </xdr:pic>
      </mc:Fallback>
    </mc:AlternateContent>
    <xdr:clientData/>
  </xdr:twoCellAnchor>
  <xdr:twoCellAnchor>
    <xdr:from>
      <xdr:col>8</xdr:col>
      <xdr:colOff>485895</xdr:colOff>
      <xdr:row>16</xdr:row>
      <xdr:rowOff>28350</xdr:rowOff>
    </xdr:from>
    <xdr:to>
      <xdr:col>9</xdr:col>
      <xdr:colOff>62055</xdr:colOff>
      <xdr:row>16</xdr:row>
      <xdr:rowOff>49230</xdr:rowOff>
    </xdr:to>
    <mc:AlternateContent xmlns:mc="http://schemas.openxmlformats.org/markup-compatibility/2006" xmlns:xdr14="http://schemas.microsoft.com/office/excel/2010/spreadsheetDrawing">
      <mc:Choice Requires="xdr14">
        <xdr:contentPart xmlns:r="http://schemas.openxmlformats.org/officeDocument/2006/relationships" r:id="rId24">
          <xdr14:nvContentPartPr>
            <xdr14:cNvPr id="14" name="Ink 13">
              <a:extLst>
                <a:ext uri="{FF2B5EF4-FFF2-40B4-BE49-F238E27FC236}">
                  <a16:creationId xmlns:a16="http://schemas.microsoft.com/office/drawing/2014/main" id="{5654B034-E7B7-43F0-B231-13FF57CD56B7}"/>
                </a:ext>
              </a:extLst>
            </xdr14:cNvPr>
            <xdr14:cNvContentPartPr/>
          </xdr14:nvContentPartPr>
          <xdr14:nvPr macro=""/>
          <xdr14:xfrm>
            <a:off x="5362695" y="3076350"/>
            <a:ext cx="185760" cy="20880"/>
          </xdr14:xfrm>
        </xdr:contentPart>
      </mc:Choice>
      <mc:Fallback xmlns="">
        <xdr:pic>
          <xdr:nvPicPr>
            <xdr:cNvPr id="54" name="Ink 53">
              <a:extLst>
                <a:ext uri="{FF2B5EF4-FFF2-40B4-BE49-F238E27FC236}">
                  <a16:creationId xmlns:a16="http://schemas.microsoft.com/office/drawing/2014/main" id="{8F86EAB3-3B26-4ADC-91E5-17DFEEBA1A03}"/>
                </a:ext>
              </a:extLst>
            </xdr:cNvPr>
            <xdr:cNvPicPr/>
          </xdr:nvPicPr>
          <xdr:blipFill>
            <a:blip xmlns:r="http://schemas.openxmlformats.org/officeDocument/2006/relationships" r:embed="rId25"/>
            <a:stretch>
              <a:fillRect/>
            </a:stretch>
          </xdr:blipFill>
          <xdr:spPr>
            <a:xfrm>
              <a:off x="8451705" y="2835345"/>
              <a:ext cx="293400" cy="236520"/>
            </a:xfrm>
            <a:prstGeom prst="rect">
              <a:avLst/>
            </a:prstGeom>
          </xdr:spPr>
        </xdr:pic>
      </mc:Fallback>
    </mc:AlternateContent>
    <xdr:clientData/>
  </xdr:twoCellAnchor>
  <xdr:twoCellAnchor>
    <xdr:from>
      <xdr:col>8</xdr:col>
      <xdr:colOff>400215</xdr:colOff>
      <xdr:row>17</xdr:row>
      <xdr:rowOff>9210</xdr:rowOff>
    </xdr:from>
    <xdr:to>
      <xdr:col>9</xdr:col>
      <xdr:colOff>54855</xdr:colOff>
      <xdr:row>17</xdr:row>
      <xdr:rowOff>9570</xdr:rowOff>
    </xdr:to>
    <mc:AlternateContent xmlns:mc="http://schemas.openxmlformats.org/markup-compatibility/2006" xmlns:xdr14="http://schemas.microsoft.com/office/excel/2010/spreadsheetDrawing">
      <mc:Choice Requires="xdr14">
        <xdr:contentPart xmlns:r="http://schemas.openxmlformats.org/officeDocument/2006/relationships" r:id="rId26">
          <xdr14:nvContentPartPr>
            <xdr14:cNvPr id="15" name="Ink 14">
              <a:extLst>
                <a:ext uri="{FF2B5EF4-FFF2-40B4-BE49-F238E27FC236}">
                  <a16:creationId xmlns:a16="http://schemas.microsoft.com/office/drawing/2014/main" id="{586C67E6-B261-4931-9C97-B1FFC65635B1}"/>
                </a:ext>
              </a:extLst>
            </xdr14:cNvPr>
            <xdr14:cNvContentPartPr/>
          </xdr14:nvContentPartPr>
          <xdr14:nvPr macro=""/>
          <xdr14:xfrm>
            <a:off x="5277015" y="3247710"/>
            <a:ext cx="264240" cy="360"/>
          </xdr14:xfrm>
        </xdr:contentPart>
      </mc:Choice>
      <mc:Fallback xmlns="">
        <xdr:pic>
          <xdr:nvPicPr>
            <xdr:cNvPr id="55" name="Ink 54">
              <a:extLst>
                <a:ext uri="{FF2B5EF4-FFF2-40B4-BE49-F238E27FC236}">
                  <a16:creationId xmlns:a16="http://schemas.microsoft.com/office/drawing/2014/main" id="{F4E1750B-18E2-43D8-AFEA-FFE0E3D11168}"/>
                </a:ext>
              </a:extLst>
            </xdr:cNvPr>
            <xdr:cNvPicPr/>
          </xdr:nvPicPr>
          <xdr:blipFill>
            <a:blip xmlns:r="http://schemas.openxmlformats.org/officeDocument/2006/relationships" r:embed="rId27"/>
            <a:stretch>
              <a:fillRect/>
            </a:stretch>
          </xdr:blipFill>
          <xdr:spPr>
            <a:xfrm>
              <a:off x="8366025" y="3006705"/>
              <a:ext cx="371880" cy="216000"/>
            </a:xfrm>
            <a:prstGeom prst="rect">
              <a:avLst/>
            </a:prstGeom>
          </xdr:spPr>
        </xdr:pic>
      </mc:Fallback>
    </mc:AlternateContent>
    <xdr:clientData/>
  </xdr:twoCellAnchor>
  <xdr:twoCellAnchor>
    <xdr:from>
      <xdr:col>8</xdr:col>
      <xdr:colOff>295455</xdr:colOff>
      <xdr:row>17</xdr:row>
      <xdr:rowOff>161850</xdr:rowOff>
    </xdr:from>
    <xdr:to>
      <xdr:col>9</xdr:col>
      <xdr:colOff>277335</xdr:colOff>
      <xdr:row>17</xdr:row>
      <xdr:rowOff>189930</xdr:rowOff>
    </xdr:to>
    <mc:AlternateContent xmlns:mc="http://schemas.openxmlformats.org/markup-compatibility/2006" xmlns:xdr14="http://schemas.microsoft.com/office/excel/2010/spreadsheetDrawing">
      <mc:Choice Requires="xdr14">
        <xdr:contentPart xmlns:r="http://schemas.openxmlformats.org/officeDocument/2006/relationships" r:id="rId28">
          <xdr14:nvContentPartPr>
            <xdr14:cNvPr id="16" name="Ink 15">
              <a:extLst>
                <a:ext uri="{FF2B5EF4-FFF2-40B4-BE49-F238E27FC236}">
                  <a16:creationId xmlns:a16="http://schemas.microsoft.com/office/drawing/2014/main" id="{D4CE5FCA-576D-41F1-84CE-0EE6C84418DA}"/>
                </a:ext>
              </a:extLst>
            </xdr14:cNvPr>
            <xdr14:cNvContentPartPr/>
          </xdr14:nvContentPartPr>
          <xdr14:nvPr macro=""/>
          <xdr14:xfrm>
            <a:off x="5172255" y="3400350"/>
            <a:ext cx="591480" cy="28080"/>
          </xdr14:xfrm>
        </xdr:contentPart>
      </mc:Choice>
      <mc:Fallback xmlns="">
        <xdr:pic>
          <xdr:nvPicPr>
            <xdr:cNvPr id="56" name="Ink 55">
              <a:extLst>
                <a:ext uri="{FF2B5EF4-FFF2-40B4-BE49-F238E27FC236}">
                  <a16:creationId xmlns:a16="http://schemas.microsoft.com/office/drawing/2014/main" id="{11C635D9-D308-4651-B4F1-B8A40DB8A379}"/>
                </a:ext>
              </a:extLst>
            </xdr:cNvPr>
            <xdr:cNvPicPr/>
          </xdr:nvPicPr>
          <xdr:blipFill>
            <a:blip xmlns:r="http://schemas.openxmlformats.org/officeDocument/2006/relationships" r:embed="rId29"/>
            <a:stretch>
              <a:fillRect/>
            </a:stretch>
          </xdr:blipFill>
          <xdr:spPr>
            <a:xfrm>
              <a:off x="8261265" y="3158985"/>
              <a:ext cx="699120" cy="243720"/>
            </a:xfrm>
            <a:prstGeom prst="rect">
              <a:avLst/>
            </a:prstGeom>
          </xdr:spPr>
        </xdr:pic>
      </mc:Fallback>
    </mc:AlternateContent>
    <xdr:clientData/>
  </xdr:twoCellAnchor>
  <xdr:twoCellAnchor>
    <xdr:from>
      <xdr:col>9</xdr:col>
      <xdr:colOff>217575</xdr:colOff>
      <xdr:row>10</xdr:row>
      <xdr:rowOff>9270</xdr:rowOff>
    </xdr:from>
    <xdr:to>
      <xdr:col>9</xdr:col>
      <xdr:colOff>219375</xdr:colOff>
      <xdr:row>10</xdr:row>
      <xdr:rowOff>11070</xdr:rowOff>
    </xdr:to>
    <mc:AlternateContent xmlns:mc="http://schemas.openxmlformats.org/markup-compatibility/2006" xmlns:xdr14="http://schemas.microsoft.com/office/excel/2010/spreadsheetDrawing">
      <mc:Choice Requires="xdr14">
        <xdr:contentPart xmlns:r="http://schemas.openxmlformats.org/officeDocument/2006/relationships" r:id="rId30">
          <xdr14:nvContentPartPr>
            <xdr14:cNvPr id="18" name="Ink 17">
              <a:extLst>
                <a:ext uri="{FF2B5EF4-FFF2-40B4-BE49-F238E27FC236}">
                  <a16:creationId xmlns:a16="http://schemas.microsoft.com/office/drawing/2014/main" id="{8438A8E9-A75C-472A-9FFE-CC49C1EC02FE}"/>
                </a:ext>
              </a:extLst>
            </xdr14:cNvPr>
            <xdr14:cNvContentPartPr/>
          </xdr14:nvContentPartPr>
          <xdr14:nvPr macro=""/>
          <xdr14:xfrm>
            <a:off x="5703975" y="1914270"/>
            <a:ext cx="1800" cy="1800"/>
          </xdr14:xfrm>
        </xdr:contentPart>
      </mc:Choice>
      <mc:Fallback xmlns="">
        <xdr:pic>
          <xdr:nvPicPr>
            <xdr:cNvPr id="69" name="Ink 68">
              <a:extLst>
                <a:ext uri="{FF2B5EF4-FFF2-40B4-BE49-F238E27FC236}">
                  <a16:creationId xmlns:a16="http://schemas.microsoft.com/office/drawing/2014/main" id="{32689880-1990-47C9-B459-2FCE77CCB7E8}"/>
                </a:ext>
              </a:extLst>
            </xdr:cNvPr>
            <xdr:cNvPicPr/>
          </xdr:nvPicPr>
          <xdr:blipFill>
            <a:blip xmlns:r="http://schemas.openxmlformats.org/officeDocument/2006/relationships" r:embed="rId55"/>
            <a:stretch>
              <a:fillRect/>
            </a:stretch>
          </xdr:blipFill>
          <xdr:spPr>
            <a:xfrm>
              <a:off x="8792985" y="1673265"/>
              <a:ext cx="109440" cy="217440"/>
            </a:xfrm>
            <a:prstGeom prst="rect">
              <a:avLst/>
            </a:prstGeom>
          </xdr:spPr>
        </xdr:pic>
      </mc:Fallback>
    </mc:AlternateContent>
    <xdr:clientData/>
  </xdr:twoCellAnchor>
  <xdr:twoCellAnchor>
    <xdr:from>
      <xdr:col>9</xdr:col>
      <xdr:colOff>199935</xdr:colOff>
      <xdr:row>10</xdr:row>
      <xdr:rowOff>57150</xdr:rowOff>
    </xdr:from>
    <xdr:to>
      <xdr:col>9</xdr:col>
      <xdr:colOff>200295</xdr:colOff>
      <xdr:row>10</xdr:row>
      <xdr:rowOff>57510</xdr:rowOff>
    </xdr:to>
    <mc:AlternateContent xmlns:mc="http://schemas.openxmlformats.org/markup-compatibility/2006" xmlns:xdr14="http://schemas.microsoft.com/office/excel/2010/spreadsheetDrawing">
      <mc:Choice Requires="xdr14">
        <xdr:contentPart xmlns:r="http://schemas.openxmlformats.org/officeDocument/2006/relationships" r:id="rId56">
          <xdr14:nvContentPartPr>
            <xdr14:cNvPr id="19" name="Ink 18">
              <a:extLst>
                <a:ext uri="{FF2B5EF4-FFF2-40B4-BE49-F238E27FC236}">
                  <a16:creationId xmlns:a16="http://schemas.microsoft.com/office/drawing/2014/main" id="{7D47E54D-3CCB-4BCC-B32C-ABDE41C5BFFD}"/>
                </a:ext>
              </a:extLst>
            </xdr14:cNvPr>
            <xdr14:cNvContentPartPr/>
          </xdr14:nvContentPartPr>
          <xdr14:nvPr macro=""/>
          <xdr14:xfrm>
            <a:off x="5686335" y="1962150"/>
            <a:ext cx="360" cy="360"/>
          </xdr14:xfrm>
        </xdr:contentPart>
      </mc:Choice>
      <mc:Fallback xmlns="">
        <xdr:pic>
          <xdr:nvPicPr>
            <xdr:cNvPr id="70" name="Ink 69">
              <a:extLst>
                <a:ext uri="{FF2B5EF4-FFF2-40B4-BE49-F238E27FC236}">
                  <a16:creationId xmlns:a16="http://schemas.microsoft.com/office/drawing/2014/main" id="{D1A7A96F-A697-4052-9543-357BBC6AEF0B}"/>
                </a:ext>
              </a:extLst>
            </xdr:cNvPr>
            <xdr:cNvPicPr/>
          </xdr:nvPicPr>
          <xdr:blipFill>
            <a:blip xmlns:r="http://schemas.openxmlformats.org/officeDocument/2006/relationships" r:embed="rId57"/>
            <a:stretch>
              <a:fillRect/>
            </a:stretch>
          </xdr:blipFill>
          <xdr:spPr>
            <a:xfrm>
              <a:off x="8775705" y="1720785"/>
              <a:ext cx="108000" cy="216000"/>
            </a:xfrm>
            <a:prstGeom prst="rect">
              <a:avLst/>
            </a:prstGeom>
          </xdr:spPr>
        </xdr:pic>
      </mc:Fallback>
    </mc:AlternateContent>
    <xdr:clientData/>
  </xdr:twoCellAnchor>
  <xdr:twoCellAnchor>
    <xdr:from>
      <xdr:col>9</xdr:col>
      <xdr:colOff>257175</xdr:colOff>
      <xdr:row>10</xdr:row>
      <xdr:rowOff>66510</xdr:rowOff>
    </xdr:from>
    <xdr:to>
      <xdr:col>9</xdr:col>
      <xdr:colOff>261135</xdr:colOff>
      <xdr:row>10</xdr:row>
      <xdr:rowOff>70470</xdr:rowOff>
    </xdr:to>
    <mc:AlternateContent xmlns:mc="http://schemas.openxmlformats.org/markup-compatibility/2006" xmlns:xdr14="http://schemas.microsoft.com/office/excel/2010/spreadsheetDrawing">
      <mc:Choice Requires="xdr14">
        <xdr:contentPart xmlns:r="http://schemas.openxmlformats.org/officeDocument/2006/relationships" r:id="rId58">
          <xdr14:nvContentPartPr>
            <xdr14:cNvPr id="20" name="Ink 19">
              <a:extLst>
                <a:ext uri="{FF2B5EF4-FFF2-40B4-BE49-F238E27FC236}">
                  <a16:creationId xmlns:a16="http://schemas.microsoft.com/office/drawing/2014/main" id="{AEEAA6E3-D16B-440A-9535-61B2B4C01D70}"/>
                </a:ext>
              </a:extLst>
            </xdr14:cNvPr>
            <xdr14:cNvContentPartPr/>
          </xdr14:nvContentPartPr>
          <xdr14:nvPr macro=""/>
          <xdr14:xfrm>
            <a:off x="5743575" y="1971510"/>
            <a:ext cx="3960" cy="3960"/>
          </xdr14:xfrm>
        </xdr:contentPart>
      </mc:Choice>
      <mc:Fallback xmlns="">
        <xdr:pic>
          <xdr:nvPicPr>
            <xdr:cNvPr id="71" name="Ink 70">
              <a:extLst>
                <a:ext uri="{FF2B5EF4-FFF2-40B4-BE49-F238E27FC236}">
                  <a16:creationId xmlns:a16="http://schemas.microsoft.com/office/drawing/2014/main" id="{EBBF9D93-F3F9-4E3B-8B59-6C039CB93F89}"/>
                </a:ext>
              </a:extLst>
            </xdr:cNvPr>
            <xdr:cNvPicPr/>
          </xdr:nvPicPr>
          <xdr:blipFill>
            <a:blip xmlns:r="http://schemas.openxmlformats.org/officeDocument/2006/relationships" r:embed="rId59"/>
            <a:stretch>
              <a:fillRect/>
            </a:stretch>
          </xdr:blipFill>
          <xdr:spPr>
            <a:xfrm>
              <a:off x="8832945" y="1730145"/>
              <a:ext cx="111600" cy="219600"/>
            </a:xfrm>
            <a:prstGeom prst="rect">
              <a:avLst/>
            </a:prstGeom>
          </xdr:spPr>
        </xdr:pic>
      </mc:Fallback>
    </mc:AlternateContent>
    <xdr:clientData/>
  </xdr:twoCellAnchor>
  <xdr:twoCellAnchor>
    <xdr:from>
      <xdr:col>8</xdr:col>
      <xdr:colOff>257400</xdr:colOff>
      <xdr:row>16</xdr:row>
      <xdr:rowOff>104774</xdr:rowOff>
    </xdr:from>
    <xdr:to>
      <xdr:col>9</xdr:col>
      <xdr:colOff>266700</xdr:colOff>
      <xdr:row>16</xdr:row>
      <xdr:rowOff>150493</xdr:rowOff>
    </xdr:to>
    <mc:AlternateContent xmlns:mc="http://schemas.openxmlformats.org/markup-compatibility/2006" xmlns:xdr14="http://schemas.microsoft.com/office/excel/2010/spreadsheetDrawing">
      <mc:Choice Requires="xdr14">
        <xdr:contentPart xmlns:r="http://schemas.openxmlformats.org/officeDocument/2006/relationships" r:id="rId60">
          <xdr14:nvContentPartPr>
            <xdr14:cNvPr id="21" name="Ink 20">
              <a:extLst>
                <a:ext uri="{FF2B5EF4-FFF2-40B4-BE49-F238E27FC236}">
                  <a16:creationId xmlns:a16="http://schemas.microsoft.com/office/drawing/2014/main" id="{FC35FAA6-87FF-4E23-8FF1-E4595D11EE11}"/>
                </a:ext>
              </a:extLst>
            </xdr14:cNvPr>
            <xdr14:cNvContentPartPr/>
          </xdr14:nvContentPartPr>
          <xdr14:nvPr macro=""/>
          <xdr14:xfrm>
            <a:off x="5134200" y="3152774"/>
            <a:ext cx="618900" cy="45719"/>
          </xdr14:xfrm>
        </xdr:contentPart>
      </mc:Choice>
      <mc:Fallback xmlns="">
        <xdr:pic>
          <xdr:nvPicPr>
            <xdr:cNvPr id="43" name="Ink 42">
              <a:extLst>
                <a:ext uri="{FF2B5EF4-FFF2-40B4-BE49-F238E27FC236}">
                  <a16:creationId xmlns:a16="http://schemas.microsoft.com/office/drawing/2014/main" id="{1A13187D-C2B7-4F27-A5ED-A5F569ABC30C}"/>
                </a:ext>
              </a:extLst>
            </xdr:cNvPr>
            <xdr:cNvPicPr/>
          </xdr:nvPicPr>
          <xdr:blipFill>
            <a:blip xmlns:r="http://schemas.openxmlformats.org/officeDocument/2006/relationships" r:embed="rId3"/>
            <a:stretch>
              <a:fillRect/>
            </a:stretch>
          </xdr:blipFill>
          <xdr:spPr>
            <a:xfrm>
              <a:off x="8175585" y="1263585"/>
              <a:ext cx="964800" cy="235800"/>
            </a:xfrm>
            <a:prstGeom prst="rect">
              <a:avLst/>
            </a:prstGeom>
          </xdr:spPr>
        </xdr:pic>
      </mc:Fallback>
    </mc:AlternateContent>
    <xdr:clientData/>
  </xdr:twoCellAnchor>
  <xdr:twoCellAnchor>
    <xdr:from>
      <xdr:col>8</xdr:col>
      <xdr:colOff>266925</xdr:colOff>
      <xdr:row>17</xdr:row>
      <xdr:rowOff>38099</xdr:rowOff>
    </xdr:from>
    <xdr:to>
      <xdr:col>9</xdr:col>
      <xdr:colOff>276225</xdr:colOff>
      <xdr:row>17</xdr:row>
      <xdr:rowOff>83818</xdr:rowOff>
    </xdr:to>
    <mc:AlternateContent xmlns:mc="http://schemas.openxmlformats.org/markup-compatibility/2006" xmlns:xdr14="http://schemas.microsoft.com/office/excel/2010/spreadsheetDrawing">
      <mc:Choice Requires="xdr14">
        <xdr:contentPart xmlns:r="http://schemas.openxmlformats.org/officeDocument/2006/relationships" r:id="rId61">
          <xdr14:nvContentPartPr>
            <xdr14:cNvPr id="22" name="Ink 21">
              <a:extLst>
                <a:ext uri="{FF2B5EF4-FFF2-40B4-BE49-F238E27FC236}">
                  <a16:creationId xmlns:a16="http://schemas.microsoft.com/office/drawing/2014/main" id="{38292248-F132-4ADB-B4AF-CEF58BF22C26}"/>
                </a:ext>
              </a:extLst>
            </xdr14:cNvPr>
            <xdr14:cNvContentPartPr/>
          </xdr14:nvContentPartPr>
          <xdr14:nvPr macro=""/>
          <xdr14:xfrm>
            <a:off x="5143725" y="3276599"/>
            <a:ext cx="618900" cy="45719"/>
          </xdr14:xfrm>
        </xdr:contentPart>
      </mc:Choice>
      <mc:Fallback xmlns="">
        <xdr:pic>
          <xdr:nvPicPr>
            <xdr:cNvPr id="43" name="Ink 42">
              <a:extLst>
                <a:ext uri="{FF2B5EF4-FFF2-40B4-BE49-F238E27FC236}">
                  <a16:creationId xmlns:a16="http://schemas.microsoft.com/office/drawing/2014/main" id="{1A13187D-C2B7-4F27-A5ED-A5F569ABC30C}"/>
                </a:ext>
              </a:extLst>
            </xdr:cNvPr>
            <xdr:cNvPicPr/>
          </xdr:nvPicPr>
          <xdr:blipFill>
            <a:blip xmlns:r="http://schemas.openxmlformats.org/officeDocument/2006/relationships" r:embed="rId3"/>
            <a:stretch>
              <a:fillRect/>
            </a:stretch>
          </xdr:blipFill>
          <xdr:spPr>
            <a:xfrm>
              <a:off x="8175585" y="1263585"/>
              <a:ext cx="964800" cy="235800"/>
            </a:xfrm>
            <a:prstGeom prst="rect">
              <a:avLst/>
            </a:prstGeom>
          </xdr:spPr>
        </xdr:pic>
      </mc:Fallback>
    </mc:AlternateContent>
    <xdr:clientData/>
  </xdr:twoCellAnchor>
  <xdr:twoCellAnchor>
    <xdr:from>
      <xdr:col>8</xdr:col>
      <xdr:colOff>419325</xdr:colOff>
      <xdr:row>17</xdr:row>
      <xdr:rowOff>190499</xdr:rowOff>
    </xdr:from>
    <xdr:to>
      <xdr:col>9</xdr:col>
      <xdr:colOff>428625</xdr:colOff>
      <xdr:row>18</xdr:row>
      <xdr:rowOff>45718</xdr:rowOff>
    </xdr:to>
    <mc:AlternateContent xmlns:mc="http://schemas.openxmlformats.org/markup-compatibility/2006" xmlns:xdr14="http://schemas.microsoft.com/office/excel/2010/spreadsheetDrawing">
      <mc:Choice Requires="xdr14">
        <xdr:contentPart xmlns:r="http://schemas.openxmlformats.org/officeDocument/2006/relationships" r:id="rId62">
          <xdr14:nvContentPartPr>
            <xdr14:cNvPr id="23" name="Ink 22">
              <a:extLst>
                <a:ext uri="{FF2B5EF4-FFF2-40B4-BE49-F238E27FC236}">
                  <a16:creationId xmlns:a16="http://schemas.microsoft.com/office/drawing/2014/main" id="{30C2716D-6C86-4067-B6C0-572499C67DC6}"/>
                </a:ext>
              </a:extLst>
            </xdr14:cNvPr>
            <xdr14:cNvContentPartPr/>
          </xdr14:nvContentPartPr>
          <xdr14:nvPr macro=""/>
          <xdr14:xfrm>
            <a:off x="5296125" y="3428999"/>
            <a:ext cx="618900" cy="45719"/>
          </xdr14:xfrm>
        </xdr:contentPart>
      </mc:Choice>
      <mc:Fallback xmlns="">
        <xdr:pic>
          <xdr:nvPicPr>
            <xdr:cNvPr id="43" name="Ink 42">
              <a:extLst>
                <a:ext uri="{FF2B5EF4-FFF2-40B4-BE49-F238E27FC236}">
                  <a16:creationId xmlns:a16="http://schemas.microsoft.com/office/drawing/2014/main" id="{1A13187D-C2B7-4F27-A5ED-A5F569ABC30C}"/>
                </a:ext>
              </a:extLst>
            </xdr:cNvPr>
            <xdr:cNvPicPr/>
          </xdr:nvPicPr>
          <xdr:blipFill>
            <a:blip xmlns:r="http://schemas.openxmlformats.org/officeDocument/2006/relationships" r:embed="rId3"/>
            <a:stretch>
              <a:fillRect/>
            </a:stretch>
          </xdr:blipFill>
          <xdr:spPr>
            <a:xfrm>
              <a:off x="8175585" y="1263585"/>
              <a:ext cx="964800" cy="235800"/>
            </a:xfrm>
            <a:prstGeom prst="rect">
              <a:avLst/>
            </a:prstGeom>
          </xdr:spPr>
        </xdr:pic>
      </mc:Fallback>
    </mc:AlternateContent>
    <xdr:clientData/>
  </xdr:twoCellAnchor>
  <xdr:twoCellAnchor>
    <xdr:from>
      <xdr:col>14</xdr:col>
      <xdr:colOff>466950</xdr:colOff>
      <xdr:row>7</xdr:row>
      <xdr:rowOff>142875</xdr:rowOff>
    </xdr:from>
    <xdr:to>
      <xdr:col>16</xdr:col>
      <xdr:colOff>104910</xdr:colOff>
      <xdr:row>7</xdr:row>
      <xdr:rowOff>163035</xdr:rowOff>
    </xdr:to>
    <mc:AlternateContent xmlns:mc="http://schemas.openxmlformats.org/markup-compatibility/2006" xmlns:xdr14="http://schemas.microsoft.com/office/excel/2010/spreadsheetDrawing">
      <mc:Choice Requires="xdr14">
        <xdr:contentPart xmlns:r="http://schemas.openxmlformats.org/officeDocument/2006/relationships" r:id="rId63">
          <xdr14:nvContentPartPr>
            <xdr14:cNvPr id="24" name="Ink 23">
              <a:extLst>
                <a:ext uri="{FF2B5EF4-FFF2-40B4-BE49-F238E27FC236}">
                  <a16:creationId xmlns:a16="http://schemas.microsoft.com/office/drawing/2014/main" id="{398859F0-705D-4E1F-A5B0-F772A21F677E}"/>
                </a:ext>
              </a:extLst>
            </xdr14:cNvPr>
            <xdr14:cNvContentPartPr/>
          </xdr14:nvContentPartPr>
          <xdr14:nvPr macro=""/>
          <xdr14:xfrm>
            <a:off x="9001350" y="1476375"/>
            <a:ext cx="857160" cy="20160"/>
          </xdr14:xfrm>
        </xdr:contentPart>
      </mc:Choice>
      <mc:Fallback xmlns="">
        <xdr:pic>
          <xdr:nvPicPr>
            <xdr:cNvPr id="43" name="Ink 42">
              <a:extLst>
                <a:ext uri="{FF2B5EF4-FFF2-40B4-BE49-F238E27FC236}">
                  <a16:creationId xmlns:a16="http://schemas.microsoft.com/office/drawing/2014/main" id="{1A13187D-C2B7-4F27-A5ED-A5F569ABC30C}"/>
                </a:ext>
              </a:extLst>
            </xdr:cNvPr>
            <xdr:cNvPicPr/>
          </xdr:nvPicPr>
          <xdr:blipFill>
            <a:blip xmlns:r="http://schemas.openxmlformats.org/officeDocument/2006/relationships" r:embed="rId3"/>
            <a:stretch>
              <a:fillRect/>
            </a:stretch>
          </xdr:blipFill>
          <xdr:spPr>
            <a:xfrm>
              <a:off x="8175585" y="1263585"/>
              <a:ext cx="964800" cy="235800"/>
            </a:xfrm>
            <a:prstGeom prst="rect">
              <a:avLst/>
            </a:prstGeom>
          </xdr:spPr>
        </xdr:pic>
      </mc:Fallback>
    </mc:AlternateContent>
    <xdr:clientData/>
  </xdr:twoCellAnchor>
  <xdr:twoCellAnchor>
    <xdr:from>
      <xdr:col>14</xdr:col>
      <xdr:colOff>438150</xdr:colOff>
      <xdr:row>8</xdr:row>
      <xdr:rowOff>104655</xdr:rowOff>
    </xdr:from>
    <xdr:to>
      <xdr:col>15</xdr:col>
      <xdr:colOff>541350</xdr:colOff>
      <xdr:row>8</xdr:row>
      <xdr:rowOff>136335</xdr:rowOff>
    </xdr:to>
    <mc:AlternateContent xmlns:mc="http://schemas.openxmlformats.org/markup-compatibility/2006" xmlns:xdr14="http://schemas.microsoft.com/office/excel/2010/spreadsheetDrawing">
      <mc:Choice Requires="xdr14">
        <xdr:contentPart xmlns:r="http://schemas.openxmlformats.org/officeDocument/2006/relationships" r:id="rId64">
          <xdr14:nvContentPartPr>
            <xdr14:cNvPr id="25" name="Ink 24">
              <a:extLst>
                <a:ext uri="{FF2B5EF4-FFF2-40B4-BE49-F238E27FC236}">
                  <a16:creationId xmlns:a16="http://schemas.microsoft.com/office/drawing/2014/main" id="{03E4FDFD-B031-45C2-8294-AC2DD769F0BB}"/>
                </a:ext>
              </a:extLst>
            </xdr14:cNvPr>
            <xdr14:cNvContentPartPr/>
          </xdr14:nvContentPartPr>
          <xdr14:nvPr macro=""/>
          <xdr14:xfrm>
            <a:off x="8972550" y="1628655"/>
            <a:ext cx="712800" cy="31680"/>
          </xdr14:xfrm>
        </xdr:contentPart>
      </mc:Choice>
      <mc:Fallback xmlns="">
        <xdr:pic>
          <xdr:nvPicPr>
            <xdr:cNvPr id="44" name="Ink 43">
              <a:extLst>
                <a:ext uri="{FF2B5EF4-FFF2-40B4-BE49-F238E27FC236}">
                  <a16:creationId xmlns:a16="http://schemas.microsoft.com/office/drawing/2014/main" id="{ACD98EEC-51D9-489A-A87F-C6FEC12185C8}"/>
                </a:ext>
              </a:extLst>
            </xdr:cNvPr>
            <xdr:cNvPicPr/>
          </xdr:nvPicPr>
          <xdr:blipFill>
            <a:blip xmlns:r="http://schemas.openxmlformats.org/officeDocument/2006/relationships" r:embed="rId5"/>
            <a:stretch>
              <a:fillRect/>
            </a:stretch>
          </xdr:blipFill>
          <xdr:spPr>
            <a:xfrm>
              <a:off x="8147145" y="1415865"/>
              <a:ext cx="820440" cy="247320"/>
            </a:xfrm>
            <a:prstGeom prst="rect">
              <a:avLst/>
            </a:prstGeom>
          </xdr:spPr>
        </xdr:pic>
      </mc:Fallback>
    </mc:AlternateContent>
    <xdr:clientData/>
  </xdr:twoCellAnchor>
  <xdr:twoCellAnchor>
    <xdr:from>
      <xdr:col>14</xdr:col>
      <xdr:colOff>485670</xdr:colOff>
      <xdr:row>9</xdr:row>
      <xdr:rowOff>47355</xdr:rowOff>
    </xdr:from>
    <xdr:to>
      <xdr:col>15</xdr:col>
      <xdr:colOff>501030</xdr:colOff>
      <xdr:row>9</xdr:row>
      <xdr:rowOff>99555</xdr:rowOff>
    </xdr:to>
    <mc:AlternateContent xmlns:mc="http://schemas.openxmlformats.org/markup-compatibility/2006" xmlns:xdr14="http://schemas.microsoft.com/office/excel/2010/spreadsheetDrawing">
      <mc:Choice Requires="xdr14">
        <xdr:contentPart xmlns:r="http://schemas.openxmlformats.org/officeDocument/2006/relationships" r:id="rId65">
          <xdr14:nvContentPartPr>
            <xdr14:cNvPr id="26" name="Ink 25">
              <a:extLst>
                <a:ext uri="{FF2B5EF4-FFF2-40B4-BE49-F238E27FC236}">
                  <a16:creationId xmlns:a16="http://schemas.microsoft.com/office/drawing/2014/main" id="{6BE71C8E-1C68-48D6-A584-7A75DD019075}"/>
                </a:ext>
              </a:extLst>
            </xdr14:cNvPr>
            <xdr14:cNvContentPartPr/>
          </xdr14:nvContentPartPr>
          <xdr14:nvPr macro=""/>
          <xdr14:xfrm>
            <a:off x="9020070" y="1761855"/>
            <a:ext cx="624960" cy="52200"/>
          </xdr14:xfrm>
        </xdr:contentPart>
      </mc:Choice>
      <mc:Fallback xmlns="">
        <xdr:pic>
          <xdr:nvPicPr>
            <xdr:cNvPr id="45" name="Ink 44">
              <a:extLst>
                <a:ext uri="{FF2B5EF4-FFF2-40B4-BE49-F238E27FC236}">
                  <a16:creationId xmlns:a16="http://schemas.microsoft.com/office/drawing/2014/main" id="{8633888D-1A90-4D77-8351-06F14D8C19A1}"/>
                </a:ext>
              </a:extLst>
            </xdr:cNvPr>
            <xdr:cNvPicPr/>
          </xdr:nvPicPr>
          <xdr:blipFill>
            <a:blip xmlns:r="http://schemas.openxmlformats.org/officeDocument/2006/relationships" r:embed="rId7"/>
            <a:stretch>
              <a:fillRect/>
            </a:stretch>
          </xdr:blipFill>
          <xdr:spPr>
            <a:xfrm>
              <a:off x="8194665" y="1549425"/>
              <a:ext cx="732600" cy="267840"/>
            </a:xfrm>
            <a:prstGeom prst="rect">
              <a:avLst/>
            </a:prstGeom>
          </xdr:spPr>
        </xdr:pic>
      </mc:Fallback>
    </mc:AlternateContent>
    <xdr:clientData/>
  </xdr:twoCellAnchor>
  <xdr:twoCellAnchor>
    <xdr:from>
      <xdr:col>14</xdr:col>
      <xdr:colOff>523830</xdr:colOff>
      <xdr:row>9</xdr:row>
      <xdr:rowOff>142755</xdr:rowOff>
    </xdr:from>
    <xdr:to>
      <xdr:col>15</xdr:col>
      <xdr:colOff>410310</xdr:colOff>
      <xdr:row>10</xdr:row>
      <xdr:rowOff>35415</xdr:rowOff>
    </xdr:to>
    <mc:AlternateContent xmlns:mc="http://schemas.openxmlformats.org/markup-compatibility/2006" xmlns:xdr14="http://schemas.microsoft.com/office/excel/2010/spreadsheetDrawing">
      <mc:Choice Requires="xdr14">
        <xdr:contentPart xmlns:r="http://schemas.openxmlformats.org/officeDocument/2006/relationships" r:id="rId66">
          <xdr14:nvContentPartPr>
            <xdr14:cNvPr id="27" name="Ink 26">
              <a:extLst>
                <a:ext uri="{FF2B5EF4-FFF2-40B4-BE49-F238E27FC236}">
                  <a16:creationId xmlns:a16="http://schemas.microsoft.com/office/drawing/2014/main" id="{24A87083-7AC4-4B98-99D6-CB62BE0B1B63}"/>
                </a:ext>
              </a:extLst>
            </xdr14:cNvPr>
            <xdr14:cNvContentPartPr/>
          </xdr14:nvContentPartPr>
          <xdr14:nvPr macro=""/>
          <xdr14:xfrm>
            <a:off x="9058230" y="1857255"/>
            <a:ext cx="496080" cy="83160"/>
          </xdr14:xfrm>
        </xdr:contentPart>
      </mc:Choice>
      <mc:Fallback xmlns="">
        <xdr:pic>
          <xdr:nvPicPr>
            <xdr:cNvPr id="46" name="Ink 45">
              <a:extLst>
                <a:ext uri="{FF2B5EF4-FFF2-40B4-BE49-F238E27FC236}">
                  <a16:creationId xmlns:a16="http://schemas.microsoft.com/office/drawing/2014/main" id="{8378ED69-9A6F-458E-BF31-5CCF9FD181BA}"/>
                </a:ext>
              </a:extLst>
            </xdr:cNvPr>
            <xdr:cNvPicPr/>
          </xdr:nvPicPr>
          <xdr:blipFill>
            <a:blip xmlns:r="http://schemas.openxmlformats.org/officeDocument/2006/relationships" r:embed="rId9"/>
            <a:stretch>
              <a:fillRect/>
            </a:stretch>
          </xdr:blipFill>
          <xdr:spPr>
            <a:xfrm>
              <a:off x="8232825" y="1644465"/>
              <a:ext cx="603720" cy="298800"/>
            </a:xfrm>
            <a:prstGeom prst="rect">
              <a:avLst/>
            </a:prstGeom>
          </xdr:spPr>
        </xdr:pic>
      </mc:Fallback>
    </mc:AlternateContent>
    <xdr:clientData/>
  </xdr:twoCellAnchor>
  <xdr:twoCellAnchor>
    <xdr:from>
      <xdr:col>14</xdr:col>
      <xdr:colOff>523830</xdr:colOff>
      <xdr:row>10</xdr:row>
      <xdr:rowOff>123615</xdr:rowOff>
    </xdr:from>
    <xdr:to>
      <xdr:col>15</xdr:col>
      <xdr:colOff>509310</xdr:colOff>
      <xdr:row>10</xdr:row>
      <xdr:rowOff>165375</xdr:rowOff>
    </xdr:to>
    <mc:AlternateContent xmlns:mc="http://schemas.openxmlformats.org/markup-compatibility/2006" xmlns:xdr14="http://schemas.microsoft.com/office/excel/2010/spreadsheetDrawing">
      <mc:Choice Requires="xdr14">
        <xdr:contentPart xmlns:r="http://schemas.openxmlformats.org/officeDocument/2006/relationships" r:id="rId67">
          <xdr14:nvContentPartPr>
            <xdr14:cNvPr id="28" name="Ink 27">
              <a:extLst>
                <a:ext uri="{FF2B5EF4-FFF2-40B4-BE49-F238E27FC236}">
                  <a16:creationId xmlns:a16="http://schemas.microsoft.com/office/drawing/2014/main" id="{ACBFAD46-E333-4675-AEF6-DA6A46FDDB8D}"/>
                </a:ext>
              </a:extLst>
            </xdr14:cNvPr>
            <xdr14:cNvContentPartPr/>
          </xdr14:nvContentPartPr>
          <xdr14:nvPr macro=""/>
          <xdr14:xfrm>
            <a:off x="9058230" y="2028615"/>
            <a:ext cx="595080" cy="41760"/>
          </xdr14:xfrm>
        </xdr:contentPart>
      </mc:Choice>
      <mc:Fallback xmlns="">
        <xdr:pic>
          <xdr:nvPicPr>
            <xdr:cNvPr id="47" name="Ink 46">
              <a:extLst>
                <a:ext uri="{FF2B5EF4-FFF2-40B4-BE49-F238E27FC236}">
                  <a16:creationId xmlns:a16="http://schemas.microsoft.com/office/drawing/2014/main" id="{4848F51F-4A72-4482-87D0-A6EA8F834E51}"/>
                </a:ext>
              </a:extLst>
            </xdr:cNvPr>
            <xdr:cNvPicPr/>
          </xdr:nvPicPr>
          <xdr:blipFill>
            <a:blip xmlns:r="http://schemas.openxmlformats.org/officeDocument/2006/relationships" r:embed="rId11"/>
            <a:stretch>
              <a:fillRect/>
            </a:stretch>
          </xdr:blipFill>
          <xdr:spPr>
            <a:xfrm>
              <a:off x="8232825" y="1816185"/>
              <a:ext cx="702720" cy="257400"/>
            </a:xfrm>
            <a:prstGeom prst="rect">
              <a:avLst/>
            </a:prstGeom>
          </xdr:spPr>
        </xdr:pic>
      </mc:Fallback>
    </mc:AlternateContent>
    <xdr:clientData/>
  </xdr:twoCellAnchor>
  <xdr:twoCellAnchor>
    <xdr:from>
      <xdr:col>14</xdr:col>
      <xdr:colOff>571710</xdr:colOff>
      <xdr:row>11</xdr:row>
      <xdr:rowOff>133275</xdr:rowOff>
    </xdr:from>
    <xdr:to>
      <xdr:col>15</xdr:col>
      <xdr:colOff>521910</xdr:colOff>
      <xdr:row>11</xdr:row>
      <xdr:rowOff>142995</xdr:rowOff>
    </xdr:to>
    <mc:AlternateContent xmlns:mc="http://schemas.openxmlformats.org/markup-compatibility/2006" xmlns:xdr14="http://schemas.microsoft.com/office/excel/2010/spreadsheetDrawing">
      <mc:Choice Requires="xdr14">
        <xdr:contentPart xmlns:r="http://schemas.openxmlformats.org/officeDocument/2006/relationships" r:id="rId68">
          <xdr14:nvContentPartPr>
            <xdr14:cNvPr id="29" name="Ink 28">
              <a:extLst>
                <a:ext uri="{FF2B5EF4-FFF2-40B4-BE49-F238E27FC236}">
                  <a16:creationId xmlns:a16="http://schemas.microsoft.com/office/drawing/2014/main" id="{1641BF28-37AF-457D-94D2-AFA98EA4E68A}"/>
                </a:ext>
              </a:extLst>
            </xdr14:cNvPr>
            <xdr14:cNvContentPartPr/>
          </xdr14:nvContentPartPr>
          <xdr14:nvPr macro=""/>
          <xdr14:xfrm>
            <a:off x="9106110" y="2228775"/>
            <a:ext cx="559800" cy="9720"/>
          </xdr14:xfrm>
        </xdr:contentPart>
      </mc:Choice>
      <mc:Fallback xmlns="">
        <xdr:pic>
          <xdr:nvPicPr>
            <xdr:cNvPr id="48" name="Ink 47">
              <a:extLst>
                <a:ext uri="{FF2B5EF4-FFF2-40B4-BE49-F238E27FC236}">
                  <a16:creationId xmlns:a16="http://schemas.microsoft.com/office/drawing/2014/main" id="{C460D6F1-49E0-4023-A37E-F012C296EA85}"/>
                </a:ext>
              </a:extLst>
            </xdr:cNvPr>
            <xdr:cNvPicPr/>
          </xdr:nvPicPr>
          <xdr:blipFill>
            <a:blip xmlns:r="http://schemas.openxmlformats.org/officeDocument/2006/relationships" r:embed="rId13"/>
            <a:stretch>
              <a:fillRect/>
            </a:stretch>
          </xdr:blipFill>
          <xdr:spPr>
            <a:xfrm>
              <a:off x="8280345" y="2015985"/>
              <a:ext cx="667440" cy="225360"/>
            </a:xfrm>
            <a:prstGeom prst="rect">
              <a:avLst/>
            </a:prstGeom>
          </xdr:spPr>
        </xdr:pic>
      </mc:Fallback>
    </mc:AlternateContent>
    <xdr:clientData/>
  </xdr:twoCellAnchor>
  <xdr:twoCellAnchor>
    <xdr:from>
      <xdr:col>15</xdr:col>
      <xdr:colOff>28710</xdr:colOff>
      <xdr:row>12</xdr:row>
      <xdr:rowOff>75975</xdr:rowOff>
    </xdr:from>
    <xdr:to>
      <xdr:col>15</xdr:col>
      <xdr:colOff>389430</xdr:colOff>
      <xdr:row>12</xdr:row>
      <xdr:rowOff>99015</xdr:rowOff>
    </xdr:to>
    <mc:AlternateContent xmlns:mc="http://schemas.openxmlformats.org/markup-compatibility/2006" xmlns:xdr14="http://schemas.microsoft.com/office/excel/2010/spreadsheetDrawing">
      <mc:Choice Requires="xdr14">
        <xdr:contentPart xmlns:r="http://schemas.openxmlformats.org/officeDocument/2006/relationships" r:id="rId69">
          <xdr14:nvContentPartPr>
            <xdr14:cNvPr id="30" name="Ink 29">
              <a:extLst>
                <a:ext uri="{FF2B5EF4-FFF2-40B4-BE49-F238E27FC236}">
                  <a16:creationId xmlns:a16="http://schemas.microsoft.com/office/drawing/2014/main" id="{0F58C2EC-4A92-4C8E-85DF-B5C225922FBF}"/>
                </a:ext>
              </a:extLst>
            </xdr14:cNvPr>
            <xdr14:cNvContentPartPr/>
          </xdr14:nvContentPartPr>
          <xdr14:nvPr macro=""/>
          <xdr14:xfrm>
            <a:off x="9172710" y="2361975"/>
            <a:ext cx="360720" cy="23040"/>
          </xdr14:xfrm>
        </xdr:contentPart>
      </mc:Choice>
      <mc:Fallback xmlns="">
        <xdr:pic>
          <xdr:nvPicPr>
            <xdr:cNvPr id="49" name="Ink 48">
              <a:extLst>
                <a:ext uri="{FF2B5EF4-FFF2-40B4-BE49-F238E27FC236}">
                  <a16:creationId xmlns:a16="http://schemas.microsoft.com/office/drawing/2014/main" id="{9EB552EF-B87B-4897-9790-1675EFF061D2}"/>
                </a:ext>
              </a:extLst>
            </xdr:cNvPr>
            <xdr:cNvPicPr/>
          </xdr:nvPicPr>
          <xdr:blipFill>
            <a:blip xmlns:r="http://schemas.openxmlformats.org/officeDocument/2006/relationships" r:embed="rId15"/>
            <a:stretch>
              <a:fillRect/>
            </a:stretch>
          </xdr:blipFill>
          <xdr:spPr>
            <a:xfrm>
              <a:off x="8346945" y="2149545"/>
              <a:ext cx="468360" cy="238680"/>
            </a:xfrm>
            <a:prstGeom prst="rect">
              <a:avLst/>
            </a:prstGeom>
          </xdr:spPr>
        </xdr:pic>
      </mc:Fallback>
    </mc:AlternateContent>
    <xdr:clientData/>
  </xdr:twoCellAnchor>
  <xdr:twoCellAnchor>
    <xdr:from>
      <xdr:col>15</xdr:col>
      <xdr:colOff>133470</xdr:colOff>
      <xdr:row>13</xdr:row>
      <xdr:rowOff>28395</xdr:rowOff>
    </xdr:from>
    <xdr:to>
      <xdr:col>15</xdr:col>
      <xdr:colOff>343350</xdr:colOff>
      <xdr:row>13</xdr:row>
      <xdr:rowOff>48555</xdr:rowOff>
    </xdr:to>
    <mc:AlternateContent xmlns:mc="http://schemas.openxmlformats.org/markup-compatibility/2006" xmlns:xdr14="http://schemas.microsoft.com/office/excel/2010/spreadsheetDrawing">
      <mc:Choice Requires="xdr14">
        <xdr:contentPart xmlns:r="http://schemas.openxmlformats.org/officeDocument/2006/relationships" r:id="rId70">
          <xdr14:nvContentPartPr>
            <xdr14:cNvPr id="31" name="Ink 30">
              <a:extLst>
                <a:ext uri="{FF2B5EF4-FFF2-40B4-BE49-F238E27FC236}">
                  <a16:creationId xmlns:a16="http://schemas.microsoft.com/office/drawing/2014/main" id="{246DDB5E-CAE4-4DC4-A545-6FB05D38E9BF}"/>
                </a:ext>
              </a:extLst>
            </xdr14:cNvPr>
            <xdr14:cNvContentPartPr/>
          </xdr14:nvContentPartPr>
          <xdr14:nvPr macro=""/>
          <xdr14:xfrm>
            <a:off x="9277470" y="2504895"/>
            <a:ext cx="209880" cy="20160"/>
          </xdr14:xfrm>
        </xdr:contentPart>
      </mc:Choice>
      <mc:Fallback xmlns="">
        <xdr:pic>
          <xdr:nvPicPr>
            <xdr:cNvPr id="50" name="Ink 49">
              <a:extLst>
                <a:ext uri="{FF2B5EF4-FFF2-40B4-BE49-F238E27FC236}">
                  <a16:creationId xmlns:a16="http://schemas.microsoft.com/office/drawing/2014/main" id="{8963E345-7250-4879-9353-BF8B39BA890C}"/>
                </a:ext>
              </a:extLst>
            </xdr:cNvPr>
            <xdr:cNvPicPr/>
          </xdr:nvPicPr>
          <xdr:blipFill>
            <a:blip xmlns:r="http://schemas.openxmlformats.org/officeDocument/2006/relationships" r:embed="rId17"/>
            <a:stretch>
              <a:fillRect/>
            </a:stretch>
          </xdr:blipFill>
          <xdr:spPr>
            <a:xfrm>
              <a:off x="8451705" y="2292465"/>
              <a:ext cx="317520" cy="235800"/>
            </a:xfrm>
            <a:prstGeom prst="rect">
              <a:avLst/>
            </a:prstGeom>
          </xdr:spPr>
        </xdr:pic>
      </mc:Fallback>
    </mc:AlternateContent>
    <xdr:clientData/>
  </xdr:twoCellAnchor>
  <xdr:twoCellAnchor>
    <xdr:from>
      <xdr:col>15</xdr:col>
      <xdr:colOff>129150</xdr:colOff>
      <xdr:row>13</xdr:row>
      <xdr:rowOff>152235</xdr:rowOff>
    </xdr:from>
    <xdr:to>
      <xdr:col>15</xdr:col>
      <xdr:colOff>336510</xdr:colOff>
      <xdr:row>14</xdr:row>
      <xdr:rowOff>10695</xdr:rowOff>
    </xdr:to>
    <mc:AlternateContent xmlns:mc="http://schemas.openxmlformats.org/markup-compatibility/2006" xmlns:xdr14="http://schemas.microsoft.com/office/excel/2010/spreadsheetDrawing">
      <mc:Choice Requires="xdr14">
        <xdr:contentPart xmlns:r="http://schemas.openxmlformats.org/officeDocument/2006/relationships" r:id="rId71">
          <xdr14:nvContentPartPr>
            <xdr14:cNvPr id="32" name="Ink 31">
              <a:extLst>
                <a:ext uri="{FF2B5EF4-FFF2-40B4-BE49-F238E27FC236}">
                  <a16:creationId xmlns:a16="http://schemas.microsoft.com/office/drawing/2014/main" id="{22FE79A1-7673-4D8C-A400-06BA51963BE7}"/>
                </a:ext>
              </a:extLst>
            </xdr14:cNvPr>
            <xdr14:cNvContentPartPr/>
          </xdr14:nvContentPartPr>
          <xdr14:nvPr macro=""/>
          <xdr14:xfrm>
            <a:off x="9273150" y="2628735"/>
            <a:ext cx="207360" cy="48960"/>
          </xdr14:xfrm>
        </xdr:contentPart>
      </mc:Choice>
      <mc:Fallback xmlns="">
        <xdr:pic>
          <xdr:nvPicPr>
            <xdr:cNvPr id="51" name="Ink 50">
              <a:extLst>
                <a:ext uri="{FF2B5EF4-FFF2-40B4-BE49-F238E27FC236}">
                  <a16:creationId xmlns:a16="http://schemas.microsoft.com/office/drawing/2014/main" id="{73E07720-E589-482A-AA5F-3E5DA6B2C67E}"/>
                </a:ext>
              </a:extLst>
            </xdr:cNvPr>
            <xdr:cNvPicPr/>
          </xdr:nvPicPr>
          <xdr:blipFill>
            <a:blip xmlns:r="http://schemas.openxmlformats.org/officeDocument/2006/relationships" r:embed="rId19"/>
            <a:stretch>
              <a:fillRect/>
            </a:stretch>
          </xdr:blipFill>
          <xdr:spPr>
            <a:xfrm>
              <a:off x="8447745" y="2415945"/>
              <a:ext cx="315000" cy="264600"/>
            </a:xfrm>
            <a:prstGeom prst="rect">
              <a:avLst/>
            </a:prstGeom>
          </xdr:spPr>
        </xdr:pic>
      </mc:Fallback>
    </mc:AlternateContent>
    <xdr:clientData/>
  </xdr:twoCellAnchor>
  <xdr:twoCellAnchor>
    <xdr:from>
      <xdr:col>15</xdr:col>
      <xdr:colOff>133470</xdr:colOff>
      <xdr:row>14</xdr:row>
      <xdr:rowOff>104655</xdr:rowOff>
    </xdr:from>
    <xdr:to>
      <xdr:col>15</xdr:col>
      <xdr:colOff>364230</xdr:colOff>
      <xdr:row>14</xdr:row>
      <xdr:rowOff>157215</xdr:rowOff>
    </xdr:to>
    <mc:AlternateContent xmlns:mc="http://schemas.openxmlformats.org/markup-compatibility/2006" xmlns:xdr14="http://schemas.microsoft.com/office/excel/2010/spreadsheetDrawing">
      <mc:Choice Requires="xdr14">
        <xdr:contentPart xmlns:r="http://schemas.openxmlformats.org/officeDocument/2006/relationships" r:id="rId72">
          <xdr14:nvContentPartPr>
            <xdr14:cNvPr id="33" name="Ink 32">
              <a:extLst>
                <a:ext uri="{FF2B5EF4-FFF2-40B4-BE49-F238E27FC236}">
                  <a16:creationId xmlns:a16="http://schemas.microsoft.com/office/drawing/2014/main" id="{671513D7-2AEE-48FF-9EC5-C61FBA3312CA}"/>
                </a:ext>
              </a:extLst>
            </xdr14:cNvPr>
            <xdr14:cNvContentPartPr/>
          </xdr14:nvContentPartPr>
          <xdr14:nvPr macro=""/>
          <xdr14:xfrm>
            <a:off x="9277470" y="2771655"/>
            <a:ext cx="230760" cy="52560"/>
          </xdr14:xfrm>
        </xdr:contentPart>
      </mc:Choice>
      <mc:Fallback xmlns="">
        <xdr:pic>
          <xdr:nvPicPr>
            <xdr:cNvPr id="52" name="Ink 51">
              <a:extLst>
                <a:ext uri="{FF2B5EF4-FFF2-40B4-BE49-F238E27FC236}">
                  <a16:creationId xmlns:a16="http://schemas.microsoft.com/office/drawing/2014/main" id="{A61A17C9-DAC5-46C3-BD73-8A843EB33934}"/>
                </a:ext>
              </a:extLst>
            </xdr:cNvPr>
            <xdr:cNvPicPr/>
          </xdr:nvPicPr>
          <xdr:blipFill>
            <a:blip xmlns:r="http://schemas.openxmlformats.org/officeDocument/2006/relationships" r:embed="rId21"/>
            <a:stretch>
              <a:fillRect/>
            </a:stretch>
          </xdr:blipFill>
          <xdr:spPr>
            <a:xfrm>
              <a:off x="8451705" y="2558865"/>
              <a:ext cx="338400" cy="268200"/>
            </a:xfrm>
            <a:prstGeom prst="rect">
              <a:avLst/>
            </a:prstGeom>
          </xdr:spPr>
        </xdr:pic>
      </mc:Fallback>
    </mc:AlternateContent>
    <xdr:clientData/>
  </xdr:twoCellAnchor>
  <xdr:twoCellAnchor>
    <xdr:from>
      <xdr:col>15</xdr:col>
      <xdr:colOff>142830</xdr:colOff>
      <xdr:row>15</xdr:row>
      <xdr:rowOff>57075</xdr:rowOff>
    </xdr:from>
    <xdr:to>
      <xdr:col>15</xdr:col>
      <xdr:colOff>405990</xdr:colOff>
      <xdr:row>15</xdr:row>
      <xdr:rowOff>67515</xdr:rowOff>
    </xdr:to>
    <mc:AlternateContent xmlns:mc="http://schemas.openxmlformats.org/markup-compatibility/2006" xmlns:xdr14="http://schemas.microsoft.com/office/excel/2010/spreadsheetDrawing">
      <mc:Choice Requires="xdr14">
        <xdr:contentPart xmlns:r="http://schemas.openxmlformats.org/officeDocument/2006/relationships" r:id="rId73">
          <xdr14:nvContentPartPr>
            <xdr14:cNvPr id="34" name="Ink 33">
              <a:extLst>
                <a:ext uri="{FF2B5EF4-FFF2-40B4-BE49-F238E27FC236}">
                  <a16:creationId xmlns:a16="http://schemas.microsoft.com/office/drawing/2014/main" id="{0CDD0E90-0D3A-4C85-AD70-9E0572C27AE2}"/>
                </a:ext>
              </a:extLst>
            </xdr14:cNvPr>
            <xdr14:cNvContentPartPr/>
          </xdr14:nvContentPartPr>
          <xdr14:nvPr macro=""/>
          <xdr14:xfrm>
            <a:off x="9286830" y="2914575"/>
            <a:ext cx="263160" cy="10440"/>
          </xdr14:xfrm>
        </xdr:contentPart>
      </mc:Choice>
      <mc:Fallback xmlns="">
        <xdr:pic>
          <xdr:nvPicPr>
            <xdr:cNvPr id="53" name="Ink 52">
              <a:extLst>
                <a:ext uri="{FF2B5EF4-FFF2-40B4-BE49-F238E27FC236}">
                  <a16:creationId xmlns:a16="http://schemas.microsoft.com/office/drawing/2014/main" id="{902E2F1D-A868-4DDD-834A-688553BF6081}"/>
                </a:ext>
              </a:extLst>
            </xdr:cNvPr>
            <xdr:cNvPicPr/>
          </xdr:nvPicPr>
          <xdr:blipFill>
            <a:blip xmlns:r="http://schemas.openxmlformats.org/officeDocument/2006/relationships" r:embed="rId23"/>
            <a:stretch>
              <a:fillRect/>
            </a:stretch>
          </xdr:blipFill>
          <xdr:spPr>
            <a:xfrm>
              <a:off x="8461425" y="2701785"/>
              <a:ext cx="370800" cy="226080"/>
            </a:xfrm>
            <a:prstGeom prst="rect">
              <a:avLst/>
            </a:prstGeom>
          </xdr:spPr>
        </xdr:pic>
      </mc:Fallback>
    </mc:AlternateContent>
    <xdr:clientData/>
  </xdr:twoCellAnchor>
  <xdr:twoCellAnchor>
    <xdr:from>
      <xdr:col>15</xdr:col>
      <xdr:colOff>133470</xdr:colOff>
      <xdr:row>15</xdr:row>
      <xdr:rowOff>190275</xdr:rowOff>
    </xdr:from>
    <xdr:to>
      <xdr:col>15</xdr:col>
      <xdr:colOff>319230</xdr:colOff>
      <xdr:row>16</xdr:row>
      <xdr:rowOff>20655</xdr:rowOff>
    </xdr:to>
    <mc:AlternateContent xmlns:mc="http://schemas.openxmlformats.org/markup-compatibility/2006" xmlns:xdr14="http://schemas.microsoft.com/office/excel/2010/spreadsheetDrawing">
      <mc:Choice Requires="xdr14">
        <xdr:contentPart xmlns:r="http://schemas.openxmlformats.org/officeDocument/2006/relationships" r:id="rId74">
          <xdr14:nvContentPartPr>
            <xdr14:cNvPr id="35" name="Ink 34">
              <a:extLst>
                <a:ext uri="{FF2B5EF4-FFF2-40B4-BE49-F238E27FC236}">
                  <a16:creationId xmlns:a16="http://schemas.microsoft.com/office/drawing/2014/main" id="{2805830C-557C-4AD9-B74F-D97B025320D7}"/>
                </a:ext>
              </a:extLst>
            </xdr14:cNvPr>
            <xdr14:cNvContentPartPr/>
          </xdr14:nvContentPartPr>
          <xdr14:nvPr macro=""/>
          <xdr14:xfrm>
            <a:off x="9277470" y="3047775"/>
            <a:ext cx="185760" cy="20880"/>
          </xdr14:xfrm>
        </xdr:contentPart>
      </mc:Choice>
      <mc:Fallback xmlns="">
        <xdr:pic>
          <xdr:nvPicPr>
            <xdr:cNvPr id="54" name="Ink 53">
              <a:extLst>
                <a:ext uri="{FF2B5EF4-FFF2-40B4-BE49-F238E27FC236}">
                  <a16:creationId xmlns:a16="http://schemas.microsoft.com/office/drawing/2014/main" id="{8F86EAB3-3B26-4ADC-91E5-17DFEEBA1A03}"/>
                </a:ext>
              </a:extLst>
            </xdr:cNvPr>
            <xdr:cNvPicPr/>
          </xdr:nvPicPr>
          <xdr:blipFill>
            <a:blip xmlns:r="http://schemas.openxmlformats.org/officeDocument/2006/relationships" r:embed="rId25"/>
            <a:stretch>
              <a:fillRect/>
            </a:stretch>
          </xdr:blipFill>
          <xdr:spPr>
            <a:xfrm>
              <a:off x="8451705" y="2835345"/>
              <a:ext cx="293400" cy="236520"/>
            </a:xfrm>
            <a:prstGeom prst="rect">
              <a:avLst/>
            </a:prstGeom>
          </xdr:spPr>
        </xdr:pic>
      </mc:Fallback>
    </mc:AlternateContent>
    <xdr:clientData/>
  </xdr:twoCellAnchor>
  <xdr:twoCellAnchor>
    <xdr:from>
      <xdr:col>15</xdr:col>
      <xdr:colOff>47790</xdr:colOff>
      <xdr:row>16</xdr:row>
      <xdr:rowOff>171135</xdr:rowOff>
    </xdr:from>
    <xdr:to>
      <xdr:col>15</xdr:col>
      <xdr:colOff>312030</xdr:colOff>
      <xdr:row>16</xdr:row>
      <xdr:rowOff>171495</xdr:rowOff>
    </xdr:to>
    <mc:AlternateContent xmlns:mc="http://schemas.openxmlformats.org/markup-compatibility/2006" xmlns:xdr14="http://schemas.microsoft.com/office/excel/2010/spreadsheetDrawing">
      <mc:Choice Requires="xdr14">
        <xdr:contentPart xmlns:r="http://schemas.openxmlformats.org/officeDocument/2006/relationships" r:id="rId75">
          <xdr14:nvContentPartPr>
            <xdr14:cNvPr id="36" name="Ink 35">
              <a:extLst>
                <a:ext uri="{FF2B5EF4-FFF2-40B4-BE49-F238E27FC236}">
                  <a16:creationId xmlns:a16="http://schemas.microsoft.com/office/drawing/2014/main" id="{0FE9D644-6087-48F8-A558-E9500E4669C1}"/>
                </a:ext>
              </a:extLst>
            </xdr14:cNvPr>
            <xdr14:cNvContentPartPr/>
          </xdr14:nvContentPartPr>
          <xdr14:nvPr macro=""/>
          <xdr14:xfrm>
            <a:off x="9191790" y="3219135"/>
            <a:ext cx="264240" cy="360"/>
          </xdr14:xfrm>
        </xdr:contentPart>
      </mc:Choice>
      <mc:Fallback xmlns="">
        <xdr:pic>
          <xdr:nvPicPr>
            <xdr:cNvPr id="55" name="Ink 54">
              <a:extLst>
                <a:ext uri="{FF2B5EF4-FFF2-40B4-BE49-F238E27FC236}">
                  <a16:creationId xmlns:a16="http://schemas.microsoft.com/office/drawing/2014/main" id="{F4E1750B-18E2-43D8-AFEA-FFE0E3D11168}"/>
                </a:ext>
              </a:extLst>
            </xdr:cNvPr>
            <xdr:cNvPicPr/>
          </xdr:nvPicPr>
          <xdr:blipFill>
            <a:blip xmlns:r="http://schemas.openxmlformats.org/officeDocument/2006/relationships" r:embed="rId27"/>
            <a:stretch>
              <a:fillRect/>
            </a:stretch>
          </xdr:blipFill>
          <xdr:spPr>
            <a:xfrm>
              <a:off x="8366025" y="3006705"/>
              <a:ext cx="371880" cy="216000"/>
            </a:xfrm>
            <a:prstGeom prst="rect">
              <a:avLst/>
            </a:prstGeom>
          </xdr:spPr>
        </xdr:pic>
      </mc:Fallback>
    </mc:AlternateContent>
    <xdr:clientData/>
  </xdr:twoCellAnchor>
  <xdr:twoCellAnchor>
    <xdr:from>
      <xdr:col>14</xdr:col>
      <xdr:colOff>552630</xdr:colOff>
      <xdr:row>17</xdr:row>
      <xdr:rowOff>133275</xdr:rowOff>
    </xdr:from>
    <xdr:to>
      <xdr:col>15</xdr:col>
      <xdr:colOff>534510</xdr:colOff>
      <xdr:row>17</xdr:row>
      <xdr:rowOff>161355</xdr:rowOff>
    </xdr:to>
    <mc:AlternateContent xmlns:mc="http://schemas.openxmlformats.org/markup-compatibility/2006" xmlns:xdr14="http://schemas.microsoft.com/office/excel/2010/spreadsheetDrawing">
      <mc:Choice Requires="xdr14">
        <xdr:contentPart xmlns:r="http://schemas.openxmlformats.org/officeDocument/2006/relationships" r:id="rId76">
          <xdr14:nvContentPartPr>
            <xdr14:cNvPr id="37" name="Ink 36">
              <a:extLst>
                <a:ext uri="{FF2B5EF4-FFF2-40B4-BE49-F238E27FC236}">
                  <a16:creationId xmlns:a16="http://schemas.microsoft.com/office/drawing/2014/main" id="{36A5D2D6-7901-4273-BC17-2FCBBA4C8265}"/>
                </a:ext>
              </a:extLst>
            </xdr14:cNvPr>
            <xdr14:cNvContentPartPr/>
          </xdr14:nvContentPartPr>
          <xdr14:nvPr macro=""/>
          <xdr14:xfrm>
            <a:off x="9087030" y="3371775"/>
            <a:ext cx="591480" cy="28080"/>
          </xdr14:xfrm>
        </xdr:contentPart>
      </mc:Choice>
      <mc:Fallback xmlns="">
        <xdr:pic>
          <xdr:nvPicPr>
            <xdr:cNvPr id="56" name="Ink 55">
              <a:extLst>
                <a:ext uri="{FF2B5EF4-FFF2-40B4-BE49-F238E27FC236}">
                  <a16:creationId xmlns:a16="http://schemas.microsoft.com/office/drawing/2014/main" id="{11C635D9-D308-4651-B4F1-B8A40DB8A379}"/>
                </a:ext>
              </a:extLst>
            </xdr:cNvPr>
            <xdr:cNvPicPr/>
          </xdr:nvPicPr>
          <xdr:blipFill>
            <a:blip xmlns:r="http://schemas.openxmlformats.org/officeDocument/2006/relationships" r:embed="rId29"/>
            <a:stretch>
              <a:fillRect/>
            </a:stretch>
          </xdr:blipFill>
          <xdr:spPr>
            <a:xfrm>
              <a:off x="8261265" y="3158985"/>
              <a:ext cx="699120" cy="243720"/>
            </a:xfrm>
            <a:prstGeom prst="rect">
              <a:avLst/>
            </a:prstGeom>
          </xdr:spPr>
        </xdr:pic>
      </mc:Fallback>
    </mc:AlternateContent>
    <xdr:clientData/>
  </xdr:twoCellAnchor>
  <xdr:twoCellAnchor>
    <xdr:from>
      <xdr:col>14</xdr:col>
      <xdr:colOff>514470</xdr:colOff>
      <xdr:row>18</xdr:row>
      <xdr:rowOff>114135</xdr:rowOff>
    </xdr:from>
    <xdr:to>
      <xdr:col>15</xdr:col>
      <xdr:colOff>501030</xdr:colOff>
      <xdr:row>18</xdr:row>
      <xdr:rowOff>125295</xdr:rowOff>
    </xdr:to>
    <mc:AlternateContent xmlns:mc="http://schemas.openxmlformats.org/markup-compatibility/2006" xmlns:xdr14="http://schemas.microsoft.com/office/excel/2010/spreadsheetDrawing">
      <mc:Choice Requires="xdr14">
        <xdr:contentPart xmlns:r="http://schemas.openxmlformats.org/officeDocument/2006/relationships" r:id="rId77">
          <xdr14:nvContentPartPr>
            <xdr14:cNvPr id="38" name="Ink 37">
              <a:extLst>
                <a:ext uri="{FF2B5EF4-FFF2-40B4-BE49-F238E27FC236}">
                  <a16:creationId xmlns:a16="http://schemas.microsoft.com/office/drawing/2014/main" id="{702393B5-3586-40D8-A1AC-3C0BC82FCE83}"/>
                </a:ext>
              </a:extLst>
            </xdr14:cNvPr>
            <xdr14:cNvContentPartPr/>
          </xdr14:nvContentPartPr>
          <xdr14:nvPr macro=""/>
          <xdr14:xfrm>
            <a:off x="9048870" y="3543135"/>
            <a:ext cx="596160" cy="11160"/>
          </xdr14:xfrm>
        </xdr:contentPart>
      </mc:Choice>
      <mc:Fallback xmlns="">
        <xdr:pic>
          <xdr:nvPicPr>
            <xdr:cNvPr id="57" name="Ink 56">
              <a:extLst>
                <a:ext uri="{FF2B5EF4-FFF2-40B4-BE49-F238E27FC236}">
                  <a16:creationId xmlns:a16="http://schemas.microsoft.com/office/drawing/2014/main" id="{56D2648D-95AC-4874-9A6E-3C8B5CDEDED7}"/>
                </a:ext>
              </a:extLst>
            </xdr:cNvPr>
            <xdr:cNvPicPr/>
          </xdr:nvPicPr>
          <xdr:blipFill>
            <a:blip xmlns:r="http://schemas.openxmlformats.org/officeDocument/2006/relationships" r:embed="rId31"/>
            <a:stretch>
              <a:fillRect/>
            </a:stretch>
          </xdr:blipFill>
          <xdr:spPr>
            <a:xfrm>
              <a:off x="8223105" y="3330345"/>
              <a:ext cx="703800" cy="226800"/>
            </a:xfrm>
            <a:prstGeom prst="rect">
              <a:avLst/>
            </a:prstGeom>
          </xdr:spPr>
        </xdr:pic>
      </mc:Fallback>
    </mc:AlternateContent>
    <xdr:clientData/>
  </xdr:twoCellAnchor>
  <xdr:twoCellAnchor>
    <xdr:from>
      <xdr:col>15</xdr:col>
      <xdr:colOff>474750</xdr:colOff>
      <xdr:row>9</xdr:row>
      <xdr:rowOff>171195</xdr:rowOff>
    </xdr:from>
    <xdr:to>
      <xdr:col>15</xdr:col>
      <xdr:colOff>476550</xdr:colOff>
      <xdr:row>9</xdr:row>
      <xdr:rowOff>172995</xdr:rowOff>
    </xdr:to>
    <mc:AlternateContent xmlns:mc="http://schemas.openxmlformats.org/markup-compatibility/2006" xmlns:xdr14="http://schemas.microsoft.com/office/excel/2010/spreadsheetDrawing">
      <mc:Choice Requires="xdr14">
        <xdr:contentPart xmlns:r="http://schemas.openxmlformats.org/officeDocument/2006/relationships" r:id="rId78">
          <xdr14:nvContentPartPr>
            <xdr14:cNvPr id="39" name="Ink 38">
              <a:extLst>
                <a:ext uri="{FF2B5EF4-FFF2-40B4-BE49-F238E27FC236}">
                  <a16:creationId xmlns:a16="http://schemas.microsoft.com/office/drawing/2014/main" id="{F7B8350B-0EE8-4CD0-9A90-673575700A20}"/>
                </a:ext>
              </a:extLst>
            </xdr14:cNvPr>
            <xdr14:cNvContentPartPr/>
          </xdr14:nvContentPartPr>
          <xdr14:nvPr macro=""/>
          <xdr14:xfrm>
            <a:off x="9618750" y="1885695"/>
            <a:ext cx="1800" cy="1800"/>
          </xdr14:xfrm>
        </xdr:contentPart>
      </mc:Choice>
      <mc:Fallback xmlns="">
        <xdr:pic>
          <xdr:nvPicPr>
            <xdr:cNvPr id="69" name="Ink 68">
              <a:extLst>
                <a:ext uri="{FF2B5EF4-FFF2-40B4-BE49-F238E27FC236}">
                  <a16:creationId xmlns:a16="http://schemas.microsoft.com/office/drawing/2014/main" id="{32689880-1990-47C9-B459-2FCE77CCB7E8}"/>
                </a:ext>
              </a:extLst>
            </xdr:cNvPr>
            <xdr:cNvPicPr/>
          </xdr:nvPicPr>
          <xdr:blipFill>
            <a:blip xmlns:r="http://schemas.openxmlformats.org/officeDocument/2006/relationships" r:embed="rId55"/>
            <a:stretch>
              <a:fillRect/>
            </a:stretch>
          </xdr:blipFill>
          <xdr:spPr>
            <a:xfrm>
              <a:off x="8792985" y="1673265"/>
              <a:ext cx="109440" cy="217440"/>
            </a:xfrm>
            <a:prstGeom prst="rect">
              <a:avLst/>
            </a:prstGeom>
          </xdr:spPr>
        </xdr:pic>
      </mc:Fallback>
    </mc:AlternateContent>
    <xdr:clientData/>
  </xdr:twoCellAnchor>
  <xdr:twoCellAnchor>
    <xdr:from>
      <xdr:col>15</xdr:col>
      <xdr:colOff>457110</xdr:colOff>
      <xdr:row>10</xdr:row>
      <xdr:rowOff>28575</xdr:rowOff>
    </xdr:from>
    <xdr:to>
      <xdr:col>15</xdr:col>
      <xdr:colOff>457470</xdr:colOff>
      <xdr:row>10</xdr:row>
      <xdr:rowOff>28935</xdr:rowOff>
    </xdr:to>
    <mc:AlternateContent xmlns:mc="http://schemas.openxmlformats.org/markup-compatibility/2006" xmlns:xdr14="http://schemas.microsoft.com/office/excel/2010/spreadsheetDrawing">
      <mc:Choice Requires="xdr14">
        <xdr:contentPart xmlns:r="http://schemas.openxmlformats.org/officeDocument/2006/relationships" r:id="rId79">
          <xdr14:nvContentPartPr>
            <xdr14:cNvPr id="40" name="Ink 39">
              <a:extLst>
                <a:ext uri="{FF2B5EF4-FFF2-40B4-BE49-F238E27FC236}">
                  <a16:creationId xmlns:a16="http://schemas.microsoft.com/office/drawing/2014/main" id="{CA9CCFAE-4AC3-4088-B7EC-4D10DEFC03B6}"/>
                </a:ext>
              </a:extLst>
            </xdr14:cNvPr>
            <xdr14:cNvContentPartPr/>
          </xdr14:nvContentPartPr>
          <xdr14:nvPr macro=""/>
          <xdr14:xfrm>
            <a:off x="9601110" y="1933575"/>
            <a:ext cx="360" cy="360"/>
          </xdr14:xfrm>
        </xdr:contentPart>
      </mc:Choice>
      <mc:Fallback xmlns="">
        <xdr:pic>
          <xdr:nvPicPr>
            <xdr:cNvPr id="70" name="Ink 69">
              <a:extLst>
                <a:ext uri="{FF2B5EF4-FFF2-40B4-BE49-F238E27FC236}">
                  <a16:creationId xmlns:a16="http://schemas.microsoft.com/office/drawing/2014/main" id="{D1A7A96F-A697-4052-9543-357BBC6AEF0B}"/>
                </a:ext>
              </a:extLst>
            </xdr:cNvPr>
            <xdr:cNvPicPr/>
          </xdr:nvPicPr>
          <xdr:blipFill>
            <a:blip xmlns:r="http://schemas.openxmlformats.org/officeDocument/2006/relationships" r:embed="rId57"/>
            <a:stretch>
              <a:fillRect/>
            </a:stretch>
          </xdr:blipFill>
          <xdr:spPr>
            <a:xfrm>
              <a:off x="8775705" y="1720785"/>
              <a:ext cx="108000" cy="216000"/>
            </a:xfrm>
            <a:prstGeom prst="rect">
              <a:avLst/>
            </a:prstGeom>
          </xdr:spPr>
        </xdr:pic>
      </mc:Fallback>
    </mc:AlternateContent>
    <xdr:clientData/>
  </xdr:twoCellAnchor>
  <xdr:twoCellAnchor>
    <xdr:from>
      <xdr:col>15</xdr:col>
      <xdr:colOff>514350</xdr:colOff>
      <xdr:row>10</xdr:row>
      <xdr:rowOff>37935</xdr:rowOff>
    </xdr:from>
    <xdr:to>
      <xdr:col>15</xdr:col>
      <xdr:colOff>518310</xdr:colOff>
      <xdr:row>10</xdr:row>
      <xdr:rowOff>41895</xdr:rowOff>
    </xdr:to>
    <mc:AlternateContent xmlns:mc="http://schemas.openxmlformats.org/markup-compatibility/2006" xmlns:xdr14="http://schemas.microsoft.com/office/excel/2010/spreadsheetDrawing">
      <mc:Choice Requires="xdr14">
        <xdr:contentPart xmlns:r="http://schemas.openxmlformats.org/officeDocument/2006/relationships" r:id="rId80">
          <xdr14:nvContentPartPr>
            <xdr14:cNvPr id="41" name="Ink 40">
              <a:extLst>
                <a:ext uri="{FF2B5EF4-FFF2-40B4-BE49-F238E27FC236}">
                  <a16:creationId xmlns:a16="http://schemas.microsoft.com/office/drawing/2014/main" id="{FF07B9F7-7B5B-449E-ACCC-B29E2790FFD5}"/>
                </a:ext>
              </a:extLst>
            </xdr14:cNvPr>
            <xdr14:cNvContentPartPr/>
          </xdr14:nvContentPartPr>
          <xdr14:nvPr macro=""/>
          <xdr14:xfrm>
            <a:off x="9658350" y="1942935"/>
            <a:ext cx="3960" cy="3960"/>
          </xdr14:xfrm>
        </xdr:contentPart>
      </mc:Choice>
      <mc:Fallback xmlns="">
        <xdr:pic>
          <xdr:nvPicPr>
            <xdr:cNvPr id="71" name="Ink 70">
              <a:extLst>
                <a:ext uri="{FF2B5EF4-FFF2-40B4-BE49-F238E27FC236}">
                  <a16:creationId xmlns:a16="http://schemas.microsoft.com/office/drawing/2014/main" id="{EBBF9D93-F3F9-4E3B-8B59-6C039CB93F89}"/>
                </a:ext>
              </a:extLst>
            </xdr:cNvPr>
            <xdr:cNvPicPr/>
          </xdr:nvPicPr>
          <xdr:blipFill>
            <a:blip xmlns:r="http://schemas.openxmlformats.org/officeDocument/2006/relationships" r:embed="rId59"/>
            <a:stretch>
              <a:fillRect/>
            </a:stretch>
          </xdr:blipFill>
          <xdr:spPr>
            <a:xfrm>
              <a:off x="8832945" y="1730145"/>
              <a:ext cx="111600" cy="219600"/>
            </a:xfrm>
            <a:prstGeom prst="rect">
              <a:avLst/>
            </a:prstGeom>
          </xdr:spPr>
        </xdr:pic>
      </mc:Fallback>
    </mc:AlternateContent>
    <xdr:clientData/>
  </xdr:twoCellAnchor>
  <xdr:twoCellAnchor>
    <xdr:from>
      <xdr:col>14</xdr:col>
      <xdr:colOff>514575</xdr:colOff>
      <xdr:row>16</xdr:row>
      <xdr:rowOff>76199</xdr:rowOff>
    </xdr:from>
    <xdr:to>
      <xdr:col>15</xdr:col>
      <xdr:colOff>523875</xdr:colOff>
      <xdr:row>16</xdr:row>
      <xdr:rowOff>121918</xdr:rowOff>
    </xdr:to>
    <mc:AlternateContent xmlns:mc="http://schemas.openxmlformats.org/markup-compatibility/2006" xmlns:xdr14="http://schemas.microsoft.com/office/excel/2010/spreadsheetDrawing">
      <mc:Choice Requires="xdr14">
        <xdr:contentPart xmlns:r="http://schemas.openxmlformats.org/officeDocument/2006/relationships" r:id="rId81">
          <xdr14:nvContentPartPr>
            <xdr14:cNvPr id="42" name="Ink 41">
              <a:extLst>
                <a:ext uri="{FF2B5EF4-FFF2-40B4-BE49-F238E27FC236}">
                  <a16:creationId xmlns:a16="http://schemas.microsoft.com/office/drawing/2014/main" id="{1F39B01D-3957-45B4-B650-2E7817D158C8}"/>
                </a:ext>
              </a:extLst>
            </xdr14:cNvPr>
            <xdr14:cNvContentPartPr/>
          </xdr14:nvContentPartPr>
          <xdr14:nvPr macro=""/>
          <xdr14:xfrm>
            <a:off x="9048975" y="3124199"/>
            <a:ext cx="618900" cy="45719"/>
          </xdr14:xfrm>
        </xdr:contentPart>
      </mc:Choice>
      <mc:Fallback xmlns="">
        <xdr:pic>
          <xdr:nvPicPr>
            <xdr:cNvPr id="43" name="Ink 42">
              <a:extLst>
                <a:ext uri="{FF2B5EF4-FFF2-40B4-BE49-F238E27FC236}">
                  <a16:creationId xmlns:a16="http://schemas.microsoft.com/office/drawing/2014/main" id="{1A13187D-C2B7-4F27-A5ED-A5F569ABC30C}"/>
                </a:ext>
              </a:extLst>
            </xdr:cNvPr>
            <xdr:cNvPicPr/>
          </xdr:nvPicPr>
          <xdr:blipFill>
            <a:blip xmlns:r="http://schemas.openxmlformats.org/officeDocument/2006/relationships" r:embed="rId3"/>
            <a:stretch>
              <a:fillRect/>
            </a:stretch>
          </xdr:blipFill>
          <xdr:spPr>
            <a:xfrm>
              <a:off x="8175585" y="1263585"/>
              <a:ext cx="964800" cy="235800"/>
            </a:xfrm>
            <a:prstGeom prst="rect">
              <a:avLst/>
            </a:prstGeom>
          </xdr:spPr>
        </xdr:pic>
      </mc:Fallback>
    </mc:AlternateContent>
    <xdr:clientData/>
  </xdr:twoCellAnchor>
  <xdr:twoCellAnchor>
    <xdr:from>
      <xdr:col>15</xdr:col>
      <xdr:colOff>66900</xdr:colOff>
      <xdr:row>17</xdr:row>
      <xdr:rowOff>161924</xdr:rowOff>
    </xdr:from>
    <xdr:to>
      <xdr:col>16</xdr:col>
      <xdr:colOff>76200</xdr:colOff>
      <xdr:row>18</xdr:row>
      <xdr:rowOff>17143</xdr:rowOff>
    </xdr:to>
    <mc:AlternateContent xmlns:mc="http://schemas.openxmlformats.org/markup-compatibility/2006" xmlns:xdr14="http://schemas.microsoft.com/office/excel/2010/spreadsheetDrawing">
      <mc:Choice Requires="xdr14">
        <xdr:contentPart xmlns:r="http://schemas.openxmlformats.org/officeDocument/2006/relationships" r:id="rId82">
          <xdr14:nvContentPartPr>
            <xdr14:cNvPr id="43" name="Ink 42">
              <a:extLst>
                <a:ext uri="{FF2B5EF4-FFF2-40B4-BE49-F238E27FC236}">
                  <a16:creationId xmlns:a16="http://schemas.microsoft.com/office/drawing/2014/main" id="{93F1B8E4-7C6B-4A81-93E1-64E355A2AC90}"/>
                </a:ext>
              </a:extLst>
            </xdr14:cNvPr>
            <xdr14:cNvContentPartPr/>
          </xdr14:nvContentPartPr>
          <xdr14:nvPr macro=""/>
          <xdr14:xfrm>
            <a:off x="9210900" y="3400424"/>
            <a:ext cx="618900" cy="45719"/>
          </xdr14:xfrm>
        </xdr:contentPart>
      </mc:Choice>
      <mc:Fallback xmlns="">
        <xdr:pic>
          <xdr:nvPicPr>
            <xdr:cNvPr id="43" name="Ink 42">
              <a:extLst>
                <a:ext uri="{FF2B5EF4-FFF2-40B4-BE49-F238E27FC236}">
                  <a16:creationId xmlns:a16="http://schemas.microsoft.com/office/drawing/2014/main" id="{1A13187D-C2B7-4F27-A5ED-A5F569ABC30C}"/>
                </a:ext>
              </a:extLst>
            </xdr:cNvPr>
            <xdr:cNvPicPr/>
          </xdr:nvPicPr>
          <xdr:blipFill>
            <a:blip xmlns:r="http://schemas.openxmlformats.org/officeDocument/2006/relationships" r:embed="rId3"/>
            <a:stretch>
              <a:fillRect/>
            </a:stretch>
          </xdr:blipFill>
          <xdr:spPr>
            <a:xfrm>
              <a:off x="8175585" y="1263585"/>
              <a:ext cx="964800" cy="235800"/>
            </a:xfrm>
            <a:prstGeom prst="rect">
              <a:avLst/>
            </a:prstGeom>
          </xdr:spPr>
        </xdr:pic>
      </mc:Fallback>
    </mc:AlternateContent>
    <xdr:clientData/>
  </xdr:twoCellAnchor>
  <xdr:twoCellAnchor>
    <xdr:from>
      <xdr:col>15</xdr:col>
      <xdr:colOff>219300</xdr:colOff>
      <xdr:row>18</xdr:row>
      <xdr:rowOff>123824</xdr:rowOff>
    </xdr:from>
    <xdr:to>
      <xdr:col>16</xdr:col>
      <xdr:colOff>228600</xdr:colOff>
      <xdr:row>18</xdr:row>
      <xdr:rowOff>169543</xdr:rowOff>
    </xdr:to>
    <mc:AlternateContent xmlns:mc="http://schemas.openxmlformats.org/markup-compatibility/2006" xmlns:xdr14="http://schemas.microsoft.com/office/excel/2010/spreadsheetDrawing">
      <mc:Choice Requires="xdr14">
        <xdr:contentPart xmlns:r="http://schemas.openxmlformats.org/officeDocument/2006/relationships" r:id="rId83">
          <xdr14:nvContentPartPr>
            <xdr14:cNvPr id="44" name="Ink 43">
              <a:extLst>
                <a:ext uri="{FF2B5EF4-FFF2-40B4-BE49-F238E27FC236}">
                  <a16:creationId xmlns:a16="http://schemas.microsoft.com/office/drawing/2014/main" id="{B0A850BB-0F6A-4DA7-B0A4-12479B1C4F80}"/>
                </a:ext>
              </a:extLst>
            </xdr14:cNvPr>
            <xdr14:cNvContentPartPr/>
          </xdr14:nvContentPartPr>
          <xdr14:nvPr macro=""/>
          <xdr14:xfrm>
            <a:off x="9363300" y="3552824"/>
            <a:ext cx="618900" cy="45719"/>
          </xdr14:xfrm>
        </xdr:contentPart>
      </mc:Choice>
      <mc:Fallback xmlns="">
        <xdr:pic>
          <xdr:nvPicPr>
            <xdr:cNvPr id="43" name="Ink 42">
              <a:extLst>
                <a:ext uri="{FF2B5EF4-FFF2-40B4-BE49-F238E27FC236}">
                  <a16:creationId xmlns:a16="http://schemas.microsoft.com/office/drawing/2014/main" id="{1A13187D-C2B7-4F27-A5ED-A5F569ABC30C}"/>
                </a:ext>
              </a:extLst>
            </xdr:cNvPr>
            <xdr:cNvPicPr/>
          </xdr:nvPicPr>
          <xdr:blipFill>
            <a:blip xmlns:r="http://schemas.openxmlformats.org/officeDocument/2006/relationships" r:embed="rId3"/>
            <a:stretch>
              <a:fillRect/>
            </a:stretch>
          </xdr:blipFill>
          <xdr:spPr>
            <a:xfrm>
              <a:off x="8175585" y="1263585"/>
              <a:ext cx="964800" cy="235800"/>
            </a:xfrm>
            <a:prstGeom prst="rect">
              <a:avLst/>
            </a:prstGeom>
          </xdr:spPr>
        </xdr:pic>
      </mc:Fallback>
    </mc:AlternateContent>
    <xdr:clientData/>
  </xdr:twoCellAnchor>
</xdr:wsDr>
</file>

<file path=xl/drawings/drawing4.xml><?xml version="1.0" encoding="utf-8"?>
<xdr:wsDr xmlns:xdr="http://schemas.openxmlformats.org/drawingml/2006/spreadsheetDrawing" xmlns:a="http://schemas.openxmlformats.org/drawingml/2006/main">
  <xdr:twoCellAnchor>
    <xdr:from>
      <xdr:col>2</xdr:col>
      <xdr:colOff>9525</xdr:colOff>
      <xdr:row>3</xdr:row>
      <xdr:rowOff>0</xdr:rowOff>
    </xdr:from>
    <xdr:to>
      <xdr:col>8</xdr:col>
      <xdr:colOff>1171574</xdr:colOff>
      <xdr:row>33</xdr:row>
      <xdr:rowOff>171450</xdr:rowOff>
    </xdr:to>
    <xdr:sp macro="" textlink="">
      <xdr:nvSpPr>
        <xdr:cNvPr id="2" name="Text Box 141">
          <a:extLst>
            <a:ext uri="{FF2B5EF4-FFF2-40B4-BE49-F238E27FC236}">
              <a16:creationId xmlns:a16="http://schemas.microsoft.com/office/drawing/2014/main" id="{ED9C9555-A5D5-4BF0-BBF5-FE108FBAF273}"/>
            </a:ext>
          </a:extLst>
        </xdr:cNvPr>
        <xdr:cNvSpPr txBox="1"/>
      </xdr:nvSpPr>
      <xdr:spPr>
        <a:xfrm>
          <a:off x="809625" y="561975"/>
          <a:ext cx="5048249" cy="5600700"/>
        </a:xfrm>
        <a:prstGeom prst="rect">
          <a:avLst/>
        </a:prstGeom>
        <a:solidFill>
          <a:schemeClr val="bg1"/>
        </a:solidFill>
        <a:ln w="6350">
          <a:noFill/>
        </a:ln>
        <a:effectLst>
          <a:outerShdw dist="19050" dir="10800000" algn="r" rotWithShape="0">
            <a:schemeClr val="accent2"/>
          </a:outerShdw>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228600" tIns="137160" rIns="0" bIns="137160" numCol="1" spcCol="0" rtlCol="0" fromWordArt="0" anchor="t" anchorCtr="0" forceAA="0" compatLnSpc="1">
          <a:prstTxWarp prst="textNoShape">
            <a:avLst/>
          </a:prstTxWarp>
          <a:noAutofit/>
        </a:bodyPr>
        <a:lstStyle/>
        <a:p>
          <a:pPr marL="0" marR="0">
            <a:lnSpc>
              <a:spcPct val="107000"/>
            </a:lnSpc>
            <a:spcBef>
              <a:spcPts val="0"/>
            </a:spcBef>
            <a:spcAft>
              <a:spcPts val="1200"/>
            </a:spcAft>
          </a:pPr>
          <a:endParaRPr lang="en-US" sz="1800" cap="all">
            <a:solidFill>
              <a:srgbClr val="191919"/>
            </a:solidFill>
            <a:effectLst/>
            <a:latin typeface="Calibri Light" panose="020F0302020204030204" pitchFamily="34" charset="0"/>
            <a:ea typeface="Times New Roman" panose="02020603050405020304" pitchFamily="18"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 2018 SAP SE or an SAP affiliate company. All rights reserved.</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No part of this publication may be reproduced or transmitted in any form or for any purpose without the express permission of SAP SE or an SAP affiliate company.</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The information contained herein may be changed without prior notice. Some software products marketed by SAP SE and its distributors contain proprietary software components of other software vendors. National product specifications may vary.</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a:t>
          </a:r>
          <a:r>
            <a:rPr lang="en-US" sz="1000">
              <a:solidFill>
                <a:srgbClr val="000000"/>
              </a:solidFill>
              <a:effectLst/>
              <a:ea typeface="Calibri" panose="020F0502020204030204" pitchFamily="34" charset="0"/>
              <a:cs typeface="Arial" panose="020B0604020202020204" pitchFamily="34" charset="0"/>
            </a:rPr>
            <a:t>. </a:t>
          </a:r>
          <a:r>
            <a:rPr lang="en-US" sz="800">
              <a:solidFill>
                <a:srgbClr val="0070C0"/>
              </a:solidFill>
              <a:effectLst/>
              <a:ea typeface="Calibri" panose="020F0502020204030204" pitchFamily="34" charset="0"/>
              <a:cs typeface="Arial" panose="020B0604020202020204" pitchFamily="34" charset="0"/>
            </a:rPr>
            <a:t>See </a:t>
          </a:r>
          <a:r>
            <a:rPr lang="en-US" sz="800" u="sng">
              <a:solidFill>
                <a:srgbClr val="0070C0"/>
              </a:solidFill>
              <a:effectLst/>
              <a:ea typeface="Calibri" panose="020F0502020204030204" pitchFamily="34" charset="0"/>
              <a:cs typeface="Arial" panose="020B0604020202020204" pitchFamily="34" charset="0"/>
            </a:rPr>
            <a:t>http://www.sap.com/corporate-en/legal/copyright/index.epx</a:t>
          </a:r>
          <a:r>
            <a:rPr lang="en-US" sz="800">
              <a:solidFill>
                <a:srgbClr val="000000"/>
              </a:solidFill>
              <a:effectLst/>
              <a:ea typeface="Calibri" panose="020F0502020204030204" pitchFamily="34" charset="0"/>
              <a:cs typeface="Arial" panose="020B0604020202020204" pitchFamily="34" charset="0"/>
            </a:rPr>
            <a:t> for additional trademark information and notices.</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1100">
              <a:solidFill>
                <a:srgbClr val="808080"/>
              </a:solidFill>
              <a:effectLst/>
              <a:ea typeface="Calibri" panose="020F0502020204030204" pitchFamily="34" charset="0"/>
              <a:cs typeface="Times New Roman" panose="02020603050405020304" pitchFamily="18" charset="0"/>
            </a:rPr>
            <a:t> </a:t>
          </a:r>
          <a:endParaRPr lang="en-US" sz="1100">
            <a:effectLst/>
            <a:ea typeface="Calibri" panose="020F0502020204030204" pitchFamily="34" charset="0"/>
            <a:cs typeface="Times New Roman" panose="02020603050405020304" pitchFamily="18" charset="0"/>
          </a:endParaRPr>
        </a:p>
      </xdr:txBody>
    </xdr:sp>
    <xdr:clientData/>
  </xdr:twoCellAnchor>
  <xdr:twoCellAnchor editAs="oneCell">
    <xdr:from>
      <xdr:col>2</xdr:col>
      <xdr:colOff>409575</xdr:colOff>
      <xdr:row>4</xdr:row>
      <xdr:rowOff>123825</xdr:rowOff>
    </xdr:from>
    <xdr:to>
      <xdr:col>6</xdr:col>
      <xdr:colOff>27940</xdr:colOff>
      <xdr:row>6</xdr:row>
      <xdr:rowOff>13335</xdr:rowOff>
    </xdr:to>
    <xdr:pic>
      <xdr:nvPicPr>
        <xdr:cNvPr id="3" name="Picture 2">
          <a:extLst>
            <a:ext uri="{FF2B5EF4-FFF2-40B4-BE49-F238E27FC236}">
              <a16:creationId xmlns:a16="http://schemas.microsoft.com/office/drawing/2014/main" id="{B0479570-1D02-4BD0-B7F8-96E74C1B994A}"/>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209675" y="866775"/>
          <a:ext cx="2209165" cy="251460"/>
        </a:xfrm>
        <a:prstGeom prst="rect">
          <a:avLst/>
        </a:prstGeom>
        <a:noFill/>
        <a:ln>
          <a:noFill/>
        </a:ln>
      </xdr:spPr>
    </xdr:pic>
    <xdr:clientData/>
  </xdr:twoCellAnchor>
</xdr:wsDr>
</file>

<file path=xl/ink/ink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57"/>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1346'0,"-807"55,-69-57,-445 2</inkml:trace>
</inkml:ink>
</file>

<file path=xl/ink/ink10.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66"/>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23'9,"20"3,17 4,12 4,-3-2,2-3,1-1,-6-2,-11-3,-10-3,-7 1,-12 1</inkml:trace>
</inkml:ink>
</file>

<file path=xl/ink/ink1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67"/>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0,'9'5,"7"1,15-1,11 0,12-2,14-1,10-1,5 0,6-1,-8 0,-8-1,-12 1,-17 0</inkml:trace>
</inkml:ink>
</file>

<file path=xl/ink/ink1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68"/>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1,'0'0,"9"0,8 0,14 0,11 0,7 0,4 0,3 0,0 4,-5 2,-1 4,-6 1,-10 2,-10 0</inkml:trace>
</inkml:ink>
</file>

<file path=xl/ink/ink1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69"/>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1,'5'0,"10"0,7 0,4 0,7 0,7 0,10 0,6 0,1 0,6 0,5 0,-5 0,-3 0,-8 0,-4 0,-5 0,-11 0</inkml:trace>
</inkml:ink>
</file>

<file path=xl/ink/ink1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70"/>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90'21,"739"-15,-219-6,-604 0,0 0,0 0,0 1,1 0,-1 0,0 0,0 1,0-1,-1 1,1 1,0-1,-1 1,1 0,-1 1,0-1,0 1,0 0,5 11</inkml:trace>
</inkml:ink>
</file>

<file path=xl/ink/ink15.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72"/>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5 1,'-5'4</inkml:trace>
</inkml:ink>
</file>

<file path=xl/ink/ink16.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73"/>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0</inkml:trace>
</inkml:ink>
</file>

<file path=xl/ink/ink17.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74"/>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1,'4'4,"2"2</inkml:trace>
</inkml:ink>
</file>

<file path=xl/ink/ink18.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75"/>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972'0,"-583"125,-50-130,-321 5</inkml:trace>
</inkml:ink>
</file>

<file path=xl/ink/ink19.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76"/>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972'0,"-583"125,-50-130,-321 5</inkml:trace>
</inkml:ink>
</file>

<file path=xl/ink/ink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58"/>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0,'224'47,"-24"-25,0-8,1-9,16-10,-21 3,545 1,-745 1</inkml:trace>
</inkml:ink>
</file>

<file path=xl/ink/ink20.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77"/>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972'0,"-583"125,-50-130,-321 5</inkml:trace>
</inkml:ink>
</file>

<file path=xl/ink/ink2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80"/>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1346'0,"-807"55,-69-57,-445 2</inkml:trace>
</inkml:ink>
</file>

<file path=xl/ink/ink2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81"/>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0,'224'47,"-24"-25,0-8,1-9,16-10,-21 3,545 1,-745 1</inkml:trace>
</inkml:ink>
</file>

<file path=xl/ink/ink2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82"/>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1,'201'35,"55"4,0-11,66-9,280-5,-542-10,-22 1</inkml:trace>
</inkml:ink>
</file>

<file path=xl/ink/ink2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83"/>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0,'6'7,"0"-1,0-1,1 1,-1-1,1 0,1-1,-1 0,0 0,1 0,0-1,0 0,0-1,0 0,1 0,2 0,10 4,77 16,1-4,1-4,1-5,97-3,51 5,67 0,-256 8,-59-19,0 0,-1 0,1 1,0-1,0 1,0-1,-1 1,1-1,0 1,-1-1,1 1,0-1,-1 1,1 0,-1-1,1 1,-1 0,1 0,-1 0,1-1,-1 1,0 0,0 0,1 0,-1 0,0 0,0-1,0 1,0 0,0 0,0 0,0 0,0 0,0 0,-1-1,1 1,0 0,0 0,-1 0,1 0,-1-1,1 1,-1 0,1 0,-1-1,1 1,-1 0,1-1,-1 1,0-1,0 1,1-1,-1 1,0-1,0 1,1-1,-1 0,0 1,0-1,0 0,0 0,0 0,0 1,-22 9</inkml:trace>
</inkml:ink>
</file>

<file path=xl/ink/ink25.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84"/>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1,'2'4,"0"1,0-1,0 1,1-1,-1 0,1 0,0 0,1-1,-1 1,1-1,-1 1,1-1,0 0,0-1,0 1,1-1,-1 1,1-1,-1-1,1 1,0-1,0 1,-1-1,5 0,59 13,1-3,0-3,1-3,-1-3,53-6,-17 3,838-3,-901 4</inkml:trace>
</inkml:ink>
</file>

<file path=xl/ink/ink26.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85"/>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168'24,"-124"-24,1298 3,-1356-3</inkml:trace>
</inkml:ink>
</file>

<file path=xl/ink/ink27.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86"/>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1,'0'9,"9"3,21-1,19-2,24-2,16-3,13-2,10-1,5-1,-9 0,-14-1,-13 0,-17 1,-18 4,-18 2</inkml:trace>
</inkml:ink>
</file>

<file path=xl/ink/ink28.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87"/>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1,'9'0,"12"0,16 4,15 2,13 0,3 3,0 0,1-1,-5-2,-11-3,-9-1,-11-1</inkml:trace>
</inkml:ink>
</file>

<file path=xl/ink/ink29.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88"/>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2 1,'-4'4,"-2"6,5 2,16 7,18 1,19-3,8-5,7 1,7-3,4-2,-8-3,-1-2,-13-2</inkml:trace>
</inkml:ink>
</file>

<file path=xl/ink/ink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59"/>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1,'201'35,"55"4,0-11,66-9,280-5,-542-10,-22 1</inkml:trace>
</inkml:ink>
</file>

<file path=xl/ink/ink30.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89"/>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23'9,"20"3,17 4,12 4,-3-2,2-3,1-1,-6-2,-11-3,-10-3,-7 1,-12 1</inkml:trace>
</inkml:ink>
</file>

<file path=xl/ink/ink3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90"/>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0,'9'5,"7"1,15-1,11 0,12-2,14-1,10-1,5 0,6-1,-8 0,-8-1,-12 1,-17 0</inkml:trace>
</inkml:ink>
</file>

<file path=xl/ink/ink3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91"/>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1,'0'0,"9"0,8 0,14 0,11 0,7 0,4 0,3 0,0 4,-5 2,-1 4,-6 1,-10 2,-10 0</inkml:trace>
</inkml:ink>
</file>

<file path=xl/ink/ink3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92"/>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1,'5'0,"10"0,7 0,4 0,7 0,7 0,10 0,6 0,1 0,6 0,5 0,-5 0,-3 0,-8 0,-4 0,-5 0,-11 0</inkml:trace>
</inkml:ink>
</file>

<file path=xl/ink/ink3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93"/>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90'21,"739"-15,-219-6,-604 0,0 0,0 0,0 1,1 0,-1 0,0 0,0 1,0-1,-1 1,1 1,0-1,-1 1,1 0,-1 1,0-1,0 1,0 0,5 11</inkml:trace>
</inkml:ink>
</file>

<file path=xl/ink/ink35.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94"/>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1,'9'4,"0"1,0-1,0-1,0 0,1 0,-1-1,1 0,0 0,-1-1,1 0,0-1,0 0,0-1,6-1,13 2,1422-1,-1424 1</inkml:trace>
</inkml:ink>
</file>

<file path=xl/ink/ink36.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95"/>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5 1,'-5'4</inkml:trace>
</inkml:ink>
</file>

<file path=xl/ink/ink37.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96"/>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0</inkml:trace>
</inkml:ink>
</file>

<file path=xl/ink/ink38.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97"/>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1,'4'4,"2"2</inkml:trace>
</inkml:ink>
</file>

<file path=xl/ink/ink39.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98"/>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972'0,"-583"125,-50-130,-321 5</inkml:trace>
</inkml:ink>
</file>

<file path=xl/ink/ink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60"/>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0,'6'7,"0"-1,0-1,1 1,-1-1,1 0,1-1,-1 0,0 0,1 0,0-1,0 0,0-1,0 0,1 0,2 0,10 4,77 16,1-4,1-4,1-5,97-3,51 5,67 0,-256 8,-59-19,0 0,-1 0,1 1,0-1,0 1,0-1,-1 1,1-1,0 1,-1-1,1 1,0-1,-1 1,1 0,-1-1,1 1,-1 0,1 0,-1 0,1-1,-1 1,0 0,0 0,1 0,-1 0,0 0,0-1,0 1,0 0,0 0,0 0,0 0,0 0,0 0,-1-1,1 1,0 0,0 0,-1 0,1 0,-1-1,1 1,-1 0,1 0,-1-1,1 1,-1 0,1-1,-1 1,0-1,0 1,1-1,-1 1,0-1,0 1,1-1,-1 0,0 1,0-1,0 0,0 0,0 0,0 1,-22 9</inkml:trace>
</inkml:ink>
</file>

<file path=xl/ink/ink40.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4.999"/>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972'0,"-583"125,-50-130,-321 5</inkml:trace>
</inkml:ink>
</file>

<file path=xl/ink/ink4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55"/>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972'0,"-583"125,-50-130,-321 5</inkml:trace>
</inkml:ink>
</file>

<file path=xl/ink/ink5.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61"/>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 1,'2'4,"0"1,0-1,0 1,1-1,-1 0,1 0,0 0,1-1,-1 1,1-1,-1 1,1-1,0 0,0-1,0 1,1-1,-1 1,1-1,-1-1,1 1,0-1,0 1,-1-1,5 0,59 13,1-3,0-3,1-3,-1-3,53-6,-17 3,838-3,-901 4</inkml:trace>
</inkml:ink>
</file>

<file path=xl/ink/ink6.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62"/>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0,'168'24,"-124"-24,1298 3,-1356-3</inkml:trace>
</inkml:ink>
</file>

<file path=xl/ink/ink7.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63"/>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1,'0'9,"9"3,21-1,19-2,24-2,16-3,13-2,10-1,5-1,-9 0,-14-1,-13 0,-17 1,-18 4,-18 2</inkml:trace>
</inkml:ink>
</file>

<file path=xl/ink/ink8.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64"/>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0 1,'9'0,"12"0,16 4,15 2,13 0,3 3,0 0,1-1,-5-2,-11-3,-9-1,-11-1</inkml:trace>
</inkml:ink>
</file>

<file path=xl/ink/ink9.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9-01-21T23:50:33.165"/>
    </inkml:context>
    <inkml:brush xml:id="br0">
      <inkml:brushProperty name="width" value="0.3" units="cm"/>
      <inkml:brushProperty name="height" value="0.6" units="cm"/>
      <inkml:brushProperty name="color" value="#FFFC00"/>
      <inkml:brushProperty name="tip" value="rectangle"/>
      <inkml:brushProperty name="rasterOp" value="maskPen"/>
      <inkml:brushProperty name="ignorePressure" value="1"/>
    </inkml:brush>
  </inkml:definitions>
  <inkml:trace contextRef="#ctx0" brushRef="#br0">12 1,'-4'4,"-2"6,5 2,16 7,18 1,19-3,8-5,7 1,7-3,4-2,-8-3,-1-2,-13-2</inkml:trace>
</inkm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59ACCD-FA15-4449-BB67-3876C6A8125D}">
  <sheetPr>
    <tabColor theme="3" tint="0.59999389629810485"/>
  </sheetPr>
  <dimension ref="I3:S37"/>
  <sheetViews>
    <sheetView showGridLines="0" topLeftCell="B13" workbookViewId="0">
      <selection activeCell="G22" sqref="G22"/>
    </sheetView>
  </sheetViews>
  <sheetFormatPr defaultRowHeight="15"/>
  <cols>
    <col min="8" max="8" width="10" customWidth="1"/>
    <col min="9" max="9" width="2" customWidth="1"/>
    <col min="18" max="18" width="9.42578125" customWidth="1"/>
    <col min="19" max="19" width="2.28515625" customWidth="1"/>
  </cols>
  <sheetData>
    <row r="3" spans="9:19" ht="12" customHeight="1">
      <c r="I3" s="8"/>
      <c r="J3" s="8"/>
      <c r="K3" s="8"/>
      <c r="L3" s="8"/>
      <c r="M3" s="8"/>
      <c r="N3" s="8"/>
      <c r="O3" s="8"/>
      <c r="P3" s="8"/>
      <c r="Q3" s="8"/>
      <c r="R3" s="8"/>
      <c r="S3" s="8"/>
    </row>
    <row r="4" spans="9:19">
      <c r="I4" s="8"/>
      <c r="S4" s="8"/>
    </row>
    <row r="5" spans="9:19">
      <c r="I5" s="8"/>
      <c r="S5" s="8"/>
    </row>
    <row r="6" spans="9:19">
      <c r="I6" s="8"/>
      <c r="S6" s="8"/>
    </row>
    <row r="7" spans="9:19">
      <c r="I7" s="8"/>
      <c r="S7" s="8"/>
    </row>
    <row r="8" spans="9:19">
      <c r="I8" s="8"/>
      <c r="S8" s="8"/>
    </row>
    <row r="9" spans="9:19">
      <c r="I9" s="8"/>
      <c r="S9" s="8"/>
    </row>
    <row r="10" spans="9:19">
      <c r="I10" s="8"/>
      <c r="S10" s="8"/>
    </row>
    <row r="11" spans="9:19">
      <c r="I11" s="8"/>
      <c r="S11" s="8"/>
    </row>
    <row r="12" spans="9:19">
      <c r="I12" s="8"/>
      <c r="S12" s="8"/>
    </row>
    <row r="13" spans="9:19">
      <c r="I13" s="8"/>
      <c r="S13" s="8"/>
    </row>
    <row r="14" spans="9:19">
      <c r="I14" s="8"/>
      <c r="S14" s="8"/>
    </row>
    <row r="15" spans="9:19">
      <c r="I15" s="8"/>
      <c r="S15" s="8"/>
    </row>
    <row r="16" spans="9:19">
      <c r="I16" s="8"/>
      <c r="S16" s="8"/>
    </row>
    <row r="17" spans="9:19">
      <c r="I17" s="8"/>
      <c r="S17" s="8"/>
    </row>
    <row r="18" spans="9:19">
      <c r="I18" s="8"/>
      <c r="S18" s="8"/>
    </row>
    <row r="19" spans="9:19">
      <c r="I19" s="8"/>
      <c r="S19" s="8"/>
    </row>
    <row r="20" spans="9:19">
      <c r="I20" s="8"/>
      <c r="S20" s="8"/>
    </row>
    <row r="21" spans="9:19">
      <c r="I21" s="8"/>
      <c r="S21" s="8"/>
    </row>
    <row r="22" spans="9:19">
      <c r="I22" s="8"/>
      <c r="S22" s="8"/>
    </row>
    <row r="23" spans="9:19">
      <c r="I23" s="8"/>
      <c r="S23" s="8"/>
    </row>
    <row r="24" spans="9:19">
      <c r="I24" s="8"/>
      <c r="J24" s="2"/>
      <c r="M24" s="13"/>
      <c r="N24" s="13"/>
      <c r="O24" s="13"/>
      <c r="P24" s="13"/>
      <c r="Q24" s="13"/>
      <c r="S24" s="8"/>
    </row>
    <row r="25" spans="9:19">
      <c r="I25" s="8"/>
      <c r="M25" s="13"/>
      <c r="N25" s="13"/>
      <c r="O25" s="13"/>
      <c r="P25" s="13"/>
      <c r="Q25" s="13"/>
      <c r="S25" s="8"/>
    </row>
    <row r="26" spans="9:19">
      <c r="I26" s="8"/>
      <c r="J26" s="63" t="s">
        <v>5</v>
      </c>
      <c r="K26" s="63"/>
      <c r="L26" s="63"/>
      <c r="M26" s="63"/>
      <c r="N26" s="63"/>
      <c r="O26" s="63"/>
      <c r="P26" s="63"/>
      <c r="Q26" s="63"/>
      <c r="R26" s="63"/>
      <c r="S26" s="8"/>
    </row>
    <row r="27" spans="9:19">
      <c r="I27" s="8"/>
      <c r="J27" s="64" t="s">
        <v>11</v>
      </c>
      <c r="K27" s="64"/>
      <c r="L27" s="64"/>
      <c r="M27" s="64"/>
      <c r="N27" s="64"/>
      <c r="O27" s="64"/>
      <c r="P27" s="64"/>
      <c r="Q27" s="64"/>
      <c r="R27" s="64"/>
      <c r="S27" s="8"/>
    </row>
    <row r="28" spans="9:19">
      <c r="I28" s="8"/>
      <c r="S28" s="8"/>
    </row>
    <row r="29" spans="9:19">
      <c r="I29" s="8"/>
      <c r="S29" s="8"/>
    </row>
    <row r="30" spans="9:19">
      <c r="I30" s="8"/>
      <c r="J30" s="64" t="s">
        <v>4</v>
      </c>
      <c r="K30" s="64"/>
      <c r="L30" s="64"/>
      <c r="M30" s="64"/>
      <c r="N30" s="64"/>
      <c r="O30" s="64"/>
      <c r="P30" s="64"/>
      <c r="Q30" s="64"/>
      <c r="R30" s="64"/>
      <c r="S30" s="8"/>
    </row>
    <row r="31" spans="9:19">
      <c r="I31" s="8"/>
      <c r="S31" s="8"/>
    </row>
    <row r="32" spans="9:19">
      <c r="I32" s="8"/>
      <c r="S32" s="8"/>
    </row>
    <row r="33" spans="9:19">
      <c r="I33" s="8"/>
      <c r="S33" s="8"/>
    </row>
    <row r="34" spans="9:19">
      <c r="I34" s="8"/>
      <c r="S34" s="8"/>
    </row>
    <row r="35" spans="9:19">
      <c r="I35" s="8"/>
      <c r="S35" s="8"/>
    </row>
    <row r="36" spans="9:19" ht="17.25" customHeight="1">
      <c r="I36" s="8"/>
      <c r="S36" s="8"/>
    </row>
    <row r="37" spans="9:19" ht="12.75" customHeight="1">
      <c r="I37" s="8"/>
      <c r="J37" s="8"/>
      <c r="K37" s="8"/>
      <c r="L37" s="8"/>
      <c r="M37" s="8"/>
      <c r="N37" s="8"/>
      <c r="O37" s="8"/>
      <c r="P37" s="8"/>
      <c r="Q37" s="8"/>
      <c r="R37" s="8"/>
      <c r="S37" s="8"/>
    </row>
  </sheetData>
  <mergeCells count="3">
    <mergeCell ref="J26:R26"/>
    <mergeCell ref="J27:R27"/>
    <mergeCell ref="J30:R30"/>
  </mergeCells>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7116DA-F526-4DEB-9E11-BF2501A21CA9}">
  <sheetPr>
    <tabColor rgb="FFFFC000"/>
  </sheetPr>
  <dimension ref="B1:G42"/>
  <sheetViews>
    <sheetView showGridLines="0" topLeftCell="A4" workbookViewId="0">
      <selection activeCell="K19" sqref="K19"/>
    </sheetView>
  </sheetViews>
  <sheetFormatPr defaultRowHeight="15"/>
  <cols>
    <col min="1" max="1" width="15.7109375" customWidth="1"/>
    <col min="2" max="2" width="3.28515625" customWidth="1"/>
    <col min="3" max="3" width="11.28515625" bestFit="1" customWidth="1"/>
    <col min="4" max="5" width="13.28515625" customWidth="1"/>
    <col min="6" max="6" width="62" customWidth="1"/>
    <col min="7" max="7" width="3.7109375" customWidth="1"/>
    <col min="8" max="8" width="2.5703125" customWidth="1"/>
    <col min="9" max="9" width="11.85546875" customWidth="1"/>
    <col min="10" max="10" width="12.5703125" bestFit="1" customWidth="1"/>
    <col min="11" max="11" width="55.85546875" bestFit="1" customWidth="1"/>
    <col min="12" max="12" width="2.5703125" customWidth="1"/>
  </cols>
  <sheetData>
    <row r="1" spans="2:7" ht="29.25" customHeight="1"/>
    <row r="2" spans="2:7" ht="30" customHeight="1">
      <c r="B2" s="9"/>
      <c r="C2" s="65" t="s">
        <v>1</v>
      </c>
      <c r="D2" s="65"/>
      <c r="E2" s="65"/>
      <c r="F2" s="65"/>
      <c r="G2" s="10"/>
    </row>
    <row r="3" spans="2:7">
      <c r="B3" s="9"/>
      <c r="G3" s="9"/>
    </row>
    <row r="4" spans="2:7">
      <c r="B4" s="9"/>
      <c r="G4" s="9"/>
    </row>
    <row r="5" spans="2:7">
      <c r="B5" s="9"/>
      <c r="G5" s="9"/>
    </row>
    <row r="6" spans="2:7" ht="15.75" thickBot="1">
      <c r="B6" s="9"/>
      <c r="G6" s="9"/>
    </row>
    <row r="7" spans="2:7" ht="15" customHeight="1">
      <c r="B7" s="9"/>
      <c r="C7" s="11" t="s">
        <v>2</v>
      </c>
      <c r="D7" s="11" t="s">
        <v>3</v>
      </c>
      <c r="E7" s="11" t="s">
        <v>250</v>
      </c>
      <c r="F7" s="11" t="s">
        <v>0</v>
      </c>
      <c r="G7" s="9"/>
    </row>
    <row r="8" spans="2:7">
      <c r="B8" s="9"/>
      <c r="C8" s="57">
        <v>43455</v>
      </c>
      <c r="D8" s="58" t="s">
        <v>6</v>
      </c>
      <c r="E8" s="58" t="s">
        <v>251</v>
      </c>
      <c r="F8" s="58" t="s">
        <v>7</v>
      </c>
      <c r="G8" s="9"/>
    </row>
    <row r="9" spans="2:7">
      <c r="B9" s="9"/>
      <c r="C9" s="59">
        <v>43487</v>
      </c>
      <c r="D9" s="60" t="s">
        <v>6</v>
      </c>
      <c r="E9" s="60" t="s">
        <v>251</v>
      </c>
      <c r="F9" s="60" t="s">
        <v>252</v>
      </c>
      <c r="G9" s="9"/>
    </row>
    <row r="10" spans="2:7">
      <c r="B10" s="9"/>
      <c r="C10" s="108">
        <v>43532</v>
      </c>
      <c r="D10" s="109" t="s">
        <v>6</v>
      </c>
      <c r="E10" s="109" t="s">
        <v>257</v>
      </c>
      <c r="F10" s="107" t="s">
        <v>258</v>
      </c>
      <c r="G10" s="9"/>
    </row>
    <row r="11" spans="2:7">
      <c r="B11" s="9"/>
      <c r="C11" s="12"/>
      <c r="D11" s="7"/>
      <c r="E11" s="7"/>
      <c r="F11" s="7"/>
      <c r="G11" s="9"/>
    </row>
    <row r="12" spans="2:7">
      <c r="B12" s="9"/>
      <c r="C12" s="7"/>
      <c r="D12" s="7"/>
      <c r="E12" s="7"/>
      <c r="F12" s="7"/>
      <c r="G12" s="9"/>
    </row>
    <row r="13" spans="2:7">
      <c r="B13" s="9"/>
      <c r="C13" s="7"/>
      <c r="D13" s="7"/>
      <c r="E13" s="7"/>
      <c r="F13" s="7"/>
      <c r="G13" s="9"/>
    </row>
    <row r="14" spans="2:7">
      <c r="B14" s="9"/>
      <c r="C14" s="7"/>
      <c r="D14" s="7"/>
      <c r="E14" s="7"/>
      <c r="F14" s="7"/>
      <c r="G14" s="9"/>
    </row>
    <row r="15" spans="2:7">
      <c r="B15" s="9"/>
      <c r="C15" s="7"/>
      <c r="D15" s="7"/>
      <c r="E15" s="7"/>
      <c r="F15" s="7"/>
      <c r="G15" s="9"/>
    </row>
    <row r="16" spans="2:7">
      <c r="B16" s="9"/>
      <c r="C16" s="7"/>
      <c r="D16" s="7"/>
      <c r="E16" s="7"/>
      <c r="F16" s="7"/>
      <c r="G16" s="9"/>
    </row>
    <row r="17" spans="2:7">
      <c r="B17" s="9"/>
      <c r="C17" s="7"/>
      <c r="D17" s="7"/>
      <c r="E17" s="7"/>
      <c r="F17" s="7"/>
      <c r="G17" s="9"/>
    </row>
    <row r="18" spans="2:7">
      <c r="B18" s="9"/>
      <c r="C18" s="7"/>
      <c r="D18" s="7"/>
      <c r="E18" s="7"/>
      <c r="F18" s="7"/>
      <c r="G18" s="9"/>
    </row>
    <row r="19" spans="2:7">
      <c r="B19" s="9"/>
      <c r="C19" s="7"/>
      <c r="D19" s="7"/>
      <c r="E19" s="7"/>
      <c r="F19" s="7"/>
      <c r="G19" s="9"/>
    </row>
    <row r="20" spans="2:7">
      <c r="B20" s="9"/>
      <c r="C20" s="7"/>
      <c r="D20" s="7"/>
      <c r="E20" s="7"/>
      <c r="F20" s="7"/>
      <c r="G20" s="9"/>
    </row>
    <row r="21" spans="2:7">
      <c r="B21" s="9"/>
      <c r="C21" s="7"/>
      <c r="D21" s="7"/>
      <c r="E21" s="7"/>
      <c r="F21" s="7"/>
      <c r="G21" s="9"/>
    </row>
    <row r="22" spans="2:7">
      <c r="B22" s="9"/>
      <c r="C22" s="7"/>
      <c r="D22" s="7"/>
      <c r="E22" s="7"/>
      <c r="F22" s="7"/>
      <c r="G22" s="9"/>
    </row>
    <row r="23" spans="2:7">
      <c r="B23" s="9"/>
      <c r="C23" s="7"/>
      <c r="D23" s="7"/>
      <c r="E23" s="7"/>
      <c r="F23" s="7"/>
      <c r="G23" s="9"/>
    </row>
    <row r="24" spans="2:7">
      <c r="B24" s="9"/>
      <c r="C24" s="7"/>
      <c r="D24" s="7"/>
      <c r="E24" s="7"/>
      <c r="F24" s="7"/>
      <c r="G24" s="9"/>
    </row>
    <row r="25" spans="2:7">
      <c r="B25" s="9"/>
      <c r="C25" s="7"/>
      <c r="D25" s="7"/>
      <c r="E25" s="7"/>
      <c r="F25" s="7"/>
      <c r="G25" s="9"/>
    </row>
    <row r="26" spans="2:7">
      <c r="B26" s="9"/>
      <c r="C26" s="7"/>
      <c r="D26" s="7"/>
      <c r="E26" s="7"/>
      <c r="F26" s="7"/>
      <c r="G26" s="9"/>
    </row>
    <row r="27" spans="2:7">
      <c r="B27" s="9"/>
      <c r="C27" s="7"/>
      <c r="D27" s="7"/>
      <c r="E27" s="7"/>
      <c r="F27" s="7"/>
      <c r="G27" s="9"/>
    </row>
    <row r="28" spans="2:7">
      <c r="B28" s="9"/>
      <c r="C28" s="7"/>
      <c r="D28" s="7"/>
      <c r="E28" s="7"/>
      <c r="F28" s="7"/>
      <c r="G28" s="9"/>
    </row>
    <row r="29" spans="2:7">
      <c r="B29" s="9"/>
      <c r="C29" s="7"/>
      <c r="D29" s="7"/>
      <c r="E29" s="7"/>
      <c r="F29" s="7"/>
      <c r="G29" s="9"/>
    </row>
    <row r="30" spans="2:7">
      <c r="B30" s="9"/>
      <c r="C30" s="7"/>
      <c r="D30" s="7"/>
      <c r="E30" s="7"/>
      <c r="F30" s="7"/>
      <c r="G30" s="9"/>
    </row>
    <row r="31" spans="2:7">
      <c r="B31" s="9"/>
      <c r="C31" s="7"/>
      <c r="D31" s="7"/>
      <c r="E31" s="7"/>
      <c r="F31" s="7"/>
      <c r="G31" s="9"/>
    </row>
    <row r="32" spans="2:7">
      <c r="B32" s="9"/>
      <c r="C32" s="7"/>
      <c r="D32" s="7"/>
      <c r="E32" s="7"/>
      <c r="F32" s="7"/>
      <c r="G32" s="9"/>
    </row>
    <row r="33" spans="2:7">
      <c r="B33" s="9"/>
      <c r="C33" s="7"/>
      <c r="D33" s="7"/>
      <c r="E33" s="7"/>
      <c r="F33" s="7"/>
      <c r="G33" s="9"/>
    </row>
    <row r="34" spans="2:7">
      <c r="B34" s="9"/>
      <c r="C34" s="7"/>
      <c r="D34" s="7"/>
      <c r="E34" s="7"/>
      <c r="F34" s="7"/>
      <c r="G34" s="9"/>
    </row>
    <row r="35" spans="2:7">
      <c r="B35" s="9"/>
      <c r="C35" s="7"/>
      <c r="D35" s="7"/>
      <c r="E35" s="7"/>
      <c r="F35" s="7"/>
      <c r="G35" s="9"/>
    </row>
    <row r="36" spans="2:7">
      <c r="B36" s="9"/>
      <c r="C36" s="7"/>
      <c r="D36" s="7"/>
      <c r="E36" s="7"/>
      <c r="F36" s="7"/>
      <c r="G36" s="9"/>
    </row>
    <row r="37" spans="2:7">
      <c r="B37" s="9"/>
      <c r="C37" s="7"/>
      <c r="D37" s="7"/>
      <c r="E37" s="7"/>
      <c r="F37" s="7"/>
      <c r="G37" s="9"/>
    </row>
    <row r="38" spans="2:7">
      <c r="B38" s="9"/>
      <c r="C38" s="7"/>
      <c r="D38" s="7"/>
      <c r="E38" s="7"/>
      <c r="F38" s="7"/>
      <c r="G38" s="9"/>
    </row>
    <row r="39" spans="2:7">
      <c r="B39" s="9"/>
      <c r="C39" s="7"/>
      <c r="D39" s="7"/>
      <c r="E39" s="7"/>
      <c r="F39" s="7"/>
      <c r="G39" s="9"/>
    </row>
    <row r="40" spans="2:7">
      <c r="B40" s="9"/>
      <c r="C40" s="7"/>
      <c r="D40" s="7"/>
      <c r="E40" s="7"/>
      <c r="F40" s="7"/>
      <c r="G40" s="9"/>
    </row>
    <row r="41" spans="2:7">
      <c r="B41" s="9"/>
      <c r="C41" s="7"/>
      <c r="D41" s="7"/>
      <c r="E41" s="7"/>
      <c r="F41" s="7"/>
      <c r="G41" s="9"/>
    </row>
    <row r="42" spans="2:7">
      <c r="B42" s="9"/>
      <c r="C42" s="9"/>
      <c r="D42" s="9"/>
      <c r="E42" s="9"/>
      <c r="F42" s="9"/>
      <c r="G42" s="9"/>
    </row>
  </sheetData>
  <mergeCells count="1">
    <mergeCell ref="C2:F2"/>
  </mergeCells>
  <pageMargins left="0.7" right="0.7" top="0.75" bottom="0.75" header="0.3" footer="0.3"/>
  <pageSetup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F6DC646-2B92-4060-8942-F8FA86D29C95}">
  <dimension ref="C4:AB36"/>
  <sheetViews>
    <sheetView zoomScaleNormal="100" workbookViewId="0">
      <selection activeCell="AA20" sqref="AA20"/>
    </sheetView>
  </sheetViews>
  <sheetFormatPr defaultRowHeight="15"/>
  <cols>
    <col min="1" max="16384" width="9.140625" style="13"/>
  </cols>
  <sheetData>
    <row r="4" spans="3:28">
      <c r="C4" s="61"/>
      <c r="D4" s="61"/>
      <c r="E4" s="61"/>
      <c r="F4" s="61"/>
      <c r="G4" s="61"/>
      <c r="H4" s="61"/>
      <c r="I4" s="61"/>
      <c r="J4" s="61"/>
      <c r="K4" s="61"/>
      <c r="L4" s="61"/>
      <c r="M4" s="61"/>
      <c r="N4" s="61"/>
      <c r="O4" s="61"/>
      <c r="P4" s="61"/>
      <c r="Q4" s="61"/>
      <c r="R4" s="61"/>
      <c r="S4" s="61"/>
      <c r="T4" s="61"/>
      <c r="U4" s="61"/>
      <c r="V4" s="61"/>
      <c r="W4" s="61"/>
      <c r="X4" s="61"/>
      <c r="Y4" s="61"/>
      <c r="Z4" s="61"/>
      <c r="AA4" s="61"/>
      <c r="AB4" s="61"/>
    </row>
    <row r="5" spans="3:28">
      <c r="C5" s="61"/>
      <c r="D5" s="61"/>
      <c r="E5" s="61"/>
      <c r="F5" s="61"/>
      <c r="G5" s="61"/>
      <c r="H5" s="61"/>
      <c r="I5" s="61"/>
      <c r="J5" s="61"/>
      <c r="K5" s="61"/>
      <c r="L5" s="61"/>
      <c r="M5" s="61"/>
      <c r="N5" s="61"/>
      <c r="O5" s="61"/>
      <c r="P5" s="61"/>
      <c r="Q5" s="61"/>
      <c r="R5" s="61"/>
      <c r="S5" s="61"/>
      <c r="T5" s="61"/>
      <c r="U5" s="61"/>
      <c r="V5" s="61"/>
      <c r="W5" s="61"/>
      <c r="X5" s="61"/>
      <c r="Y5" s="61"/>
      <c r="Z5" s="61"/>
      <c r="AA5" s="61"/>
      <c r="AB5" s="61"/>
    </row>
    <row r="6" spans="3:28">
      <c r="C6" s="61"/>
      <c r="D6" s="61"/>
      <c r="E6" s="61"/>
      <c r="F6" s="61"/>
      <c r="G6" s="61"/>
      <c r="H6" s="61"/>
      <c r="I6" s="61"/>
      <c r="J6" s="61"/>
      <c r="K6" s="61"/>
      <c r="L6" s="61"/>
      <c r="M6" s="61"/>
      <c r="N6" s="61"/>
      <c r="O6" s="61"/>
      <c r="P6" s="61"/>
      <c r="Q6" s="61"/>
      <c r="R6" s="61"/>
      <c r="S6" s="61"/>
      <c r="T6" s="61"/>
      <c r="U6" s="61"/>
      <c r="V6" s="61"/>
      <c r="W6" s="61"/>
      <c r="X6" s="61"/>
      <c r="Y6" s="61"/>
      <c r="Z6" s="61"/>
      <c r="AA6" s="61"/>
      <c r="AB6" s="61"/>
    </row>
    <row r="7" spans="3:28">
      <c r="C7" s="61"/>
      <c r="D7" s="61"/>
      <c r="E7" s="61"/>
      <c r="F7" s="61"/>
      <c r="G7" s="61"/>
      <c r="H7" s="61"/>
      <c r="I7" s="61"/>
      <c r="J7" s="61"/>
      <c r="K7" s="61"/>
      <c r="L7" s="61"/>
      <c r="M7" s="61"/>
      <c r="N7" s="61"/>
      <c r="O7" s="61"/>
      <c r="P7" s="61"/>
      <c r="Q7" s="61"/>
      <c r="R7" s="61"/>
      <c r="S7" s="61"/>
      <c r="T7" s="61"/>
      <c r="U7" s="61"/>
      <c r="V7" s="61"/>
      <c r="W7" s="61"/>
      <c r="X7" s="61"/>
      <c r="Y7" s="61"/>
      <c r="Z7" s="61"/>
      <c r="AA7" s="61"/>
      <c r="AB7" s="61"/>
    </row>
    <row r="8" spans="3:28">
      <c r="C8" s="61"/>
      <c r="D8" s="61"/>
      <c r="E8" s="61"/>
      <c r="F8" s="61"/>
      <c r="G8" s="61"/>
      <c r="H8" s="61"/>
      <c r="I8" s="61"/>
      <c r="J8" s="61"/>
      <c r="K8" s="61"/>
      <c r="L8" s="61"/>
      <c r="M8" s="61"/>
      <c r="N8" s="61"/>
      <c r="O8" s="61"/>
      <c r="P8" s="61"/>
      <c r="Q8" s="61"/>
      <c r="R8" s="61"/>
      <c r="S8" s="61"/>
      <c r="T8" s="61"/>
      <c r="U8" s="61"/>
      <c r="V8" s="61"/>
      <c r="W8" s="61"/>
      <c r="X8" s="61"/>
      <c r="Y8" s="61"/>
      <c r="Z8" s="61"/>
      <c r="AA8" s="61"/>
      <c r="AB8" s="61"/>
    </row>
    <row r="9" spans="3:28">
      <c r="C9" s="61"/>
      <c r="D9" s="61"/>
      <c r="E9" s="61"/>
      <c r="F9" s="61"/>
      <c r="G9" s="61"/>
      <c r="H9" s="61"/>
      <c r="I9" s="61"/>
      <c r="J9" s="61"/>
      <c r="K9" s="61"/>
      <c r="L9" s="61"/>
      <c r="M9" s="61"/>
      <c r="N9" s="61"/>
      <c r="O9" s="61"/>
      <c r="P9" s="61"/>
      <c r="Q9" s="61"/>
      <c r="R9" s="61"/>
      <c r="S9" s="61"/>
      <c r="T9" s="61"/>
      <c r="U9" s="61"/>
      <c r="V9" s="61"/>
      <c r="W9" s="61"/>
      <c r="X9" s="61"/>
      <c r="Y9" s="61"/>
      <c r="Z9" s="61"/>
      <c r="AA9" s="61"/>
      <c r="AB9" s="61"/>
    </row>
    <row r="10" spans="3:28">
      <c r="C10" s="61"/>
      <c r="D10" s="61"/>
      <c r="E10" s="61"/>
      <c r="F10" s="61"/>
      <c r="G10" s="61"/>
      <c r="H10" s="61"/>
      <c r="I10" s="61"/>
      <c r="J10" s="61"/>
      <c r="K10" s="61"/>
      <c r="L10" s="61"/>
      <c r="M10" s="61"/>
      <c r="N10" s="61"/>
      <c r="O10" s="61"/>
      <c r="P10" s="61"/>
      <c r="Q10" s="61"/>
      <c r="R10" s="61"/>
      <c r="S10" s="61"/>
      <c r="T10" s="61"/>
      <c r="U10" s="61"/>
      <c r="V10" s="61"/>
      <c r="W10" s="61"/>
      <c r="X10" s="61"/>
      <c r="Y10" s="61"/>
      <c r="Z10" s="61"/>
      <c r="AA10" s="61"/>
      <c r="AB10" s="61"/>
    </row>
    <row r="11" spans="3:28">
      <c r="C11" s="61"/>
      <c r="D11" s="61"/>
      <c r="E11" s="61"/>
      <c r="F11" s="61"/>
      <c r="G11" s="61"/>
      <c r="H11" s="61"/>
      <c r="I11" s="61"/>
      <c r="J11" s="61"/>
      <c r="K11" s="61"/>
      <c r="L11" s="61"/>
      <c r="M11" s="61"/>
      <c r="N11" s="61"/>
      <c r="O11" s="61"/>
      <c r="P11" s="61"/>
      <c r="Q11" s="61"/>
      <c r="R11" s="61"/>
      <c r="S11" s="61"/>
      <c r="T11" s="61"/>
      <c r="U11" s="61"/>
      <c r="V11" s="61"/>
      <c r="W11" s="61"/>
      <c r="X11" s="61"/>
      <c r="Y11" s="61"/>
      <c r="Z11" s="61"/>
      <c r="AA11" s="61"/>
      <c r="AB11" s="61"/>
    </row>
    <row r="12" spans="3:28">
      <c r="C12" s="61"/>
      <c r="D12" s="61"/>
      <c r="E12" s="61"/>
      <c r="F12" s="61"/>
      <c r="G12" s="61"/>
      <c r="H12" s="61"/>
      <c r="I12" s="61"/>
      <c r="J12" s="61"/>
      <c r="K12" s="61"/>
      <c r="L12" s="61"/>
      <c r="M12" s="61"/>
      <c r="N12" s="61"/>
      <c r="O12" s="61"/>
      <c r="P12" s="61"/>
      <c r="Q12" s="61"/>
      <c r="R12" s="61"/>
      <c r="S12" s="61"/>
      <c r="T12" s="61"/>
      <c r="U12" s="61"/>
      <c r="V12" s="61"/>
      <c r="W12" s="61"/>
      <c r="X12" s="61"/>
      <c r="Y12" s="61"/>
      <c r="Z12" s="61"/>
      <c r="AA12" s="61"/>
      <c r="AB12" s="61"/>
    </row>
    <row r="13" spans="3:28">
      <c r="C13" s="61"/>
      <c r="D13" s="61"/>
      <c r="E13" s="61"/>
      <c r="F13" s="61"/>
      <c r="G13" s="61"/>
      <c r="H13" s="61"/>
      <c r="I13" s="61"/>
      <c r="J13" s="61"/>
      <c r="K13" s="61"/>
      <c r="L13" s="61"/>
      <c r="M13" s="61"/>
      <c r="N13" s="61"/>
      <c r="O13" s="61"/>
      <c r="P13" s="61"/>
      <c r="Q13" s="61"/>
      <c r="R13" s="61"/>
      <c r="S13" s="61"/>
      <c r="T13" s="61"/>
      <c r="U13" s="61"/>
      <c r="V13" s="61"/>
      <c r="W13" s="61"/>
      <c r="X13" s="61"/>
      <c r="Y13" s="61"/>
      <c r="Z13" s="61"/>
      <c r="AA13" s="61"/>
      <c r="AB13" s="61"/>
    </row>
    <row r="14" spans="3:28">
      <c r="C14" s="61"/>
      <c r="D14" s="61"/>
      <c r="E14" s="61"/>
      <c r="F14" s="61"/>
      <c r="G14" s="61"/>
      <c r="H14" s="61"/>
      <c r="I14" s="61"/>
      <c r="J14" s="61"/>
      <c r="K14" s="61"/>
      <c r="L14" s="61"/>
      <c r="M14" s="61"/>
      <c r="N14" s="61"/>
      <c r="O14" s="61"/>
      <c r="P14" s="61"/>
      <c r="Q14" s="61"/>
      <c r="R14" s="61"/>
      <c r="S14" s="61"/>
      <c r="T14" s="61"/>
      <c r="U14" s="61"/>
      <c r="V14" s="61"/>
      <c r="W14" s="61"/>
      <c r="X14" s="61"/>
      <c r="Y14" s="61"/>
      <c r="Z14" s="61"/>
      <c r="AA14" s="61"/>
      <c r="AB14" s="61"/>
    </row>
    <row r="15" spans="3:28">
      <c r="C15" s="61"/>
      <c r="D15" s="61"/>
      <c r="E15" s="61"/>
      <c r="F15" s="61"/>
      <c r="G15" s="61"/>
      <c r="H15" s="61"/>
      <c r="I15" s="61"/>
      <c r="J15" s="61"/>
      <c r="K15" s="61"/>
      <c r="L15" s="61"/>
      <c r="M15" s="61"/>
      <c r="N15" s="61"/>
      <c r="O15" s="61"/>
      <c r="P15" s="61"/>
      <c r="Q15" s="61"/>
      <c r="R15" s="61"/>
      <c r="S15" s="61"/>
      <c r="T15" s="61"/>
      <c r="U15" s="61"/>
      <c r="V15" s="61"/>
      <c r="W15" s="61"/>
      <c r="X15" s="61"/>
      <c r="Y15" s="61"/>
      <c r="Z15" s="61"/>
      <c r="AA15" s="61"/>
      <c r="AB15" s="61"/>
    </row>
    <row r="16" spans="3:28">
      <c r="C16" s="61"/>
      <c r="D16" s="61"/>
      <c r="E16" s="61"/>
      <c r="F16" s="61"/>
      <c r="G16" s="61"/>
      <c r="H16" s="61"/>
      <c r="I16" s="61"/>
      <c r="J16" s="61"/>
      <c r="K16" s="61"/>
      <c r="L16" s="61"/>
      <c r="M16" s="61"/>
      <c r="N16" s="61"/>
      <c r="O16" s="61"/>
      <c r="P16" s="61"/>
      <c r="Q16" s="61"/>
      <c r="R16" s="61"/>
      <c r="S16" s="61"/>
      <c r="T16" s="61"/>
      <c r="U16" s="61"/>
      <c r="V16" s="61"/>
      <c r="W16" s="61"/>
      <c r="X16" s="61"/>
      <c r="Y16" s="61"/>
      <c r="Z16" s="61"/>
      <c r="AA16" s="61"/>
      <c r="AB16" s="61"/>
    </row>
    <row r="17" spans="3:28">
      <c r="C17" s="61"/>
      <c r="D17" s="61"/>
      <c r="E17" s="61"/>
      <c r="F17" s="61"/>
      <c r="G17" s="61"/>
      <c r="H17" s="61"/>
      <c r="I17" s="61"/>
      <c r="J17" s="61"/>
      <c r="K17" s="61"/>
      <c r="L17" s="61"/>
      <c r="M17" s="61"/>
      <c r="N17" s="61"/>
      <c r="O17" s="61"/>
      <c r="P17" s="61"/>
      <c r="Q17" s="61"/>
      <c r="R17" s="61"/>
      <c r="S17" s="61"/>
      <c r="T17" s="61"/>
      <c r="U17" s="61"/>
      <c r="V17" s="61"/>
      <c r="W17" s="61"/>
      <c r="X17" s="61"/>
      <c r="Y17" s="61"/>
      <c r="Z17" s="61"/>
      <c r="AA17" s="61"/>
      <c r="AB17" s="61"/>
    </row>
    <row r="18" spans="3:28">
      <c r="C18" s="61"/>
      <c r="D18" s="61"/>
      <c r="E18" s="61"/>
      <c r="F18" s="61"/>
      <c r="G18" s="61"/>
      <c r="H18" s="61"/>
      <c r="I18" s="61"/>
      <c r="J18" s="61"/>
      <c r="K18" s="61"/>
      <c r="L18" s="61"/>
      <c r="M18" s="61"/>
      <c r="N18" s="61"/>
      <c r="O18" s="61"/>
      <c r="P18" s="61"/>
      <c r="Q18" s="61"/>
      <c r="R18" s="61"/>
      <c r="S18" s="61"/>
      <c r="T18" s="61"/>
      <c r="U18" s="61"/>
      <c r="V18" s="61"/>
      <c r="W18" s="61"/>
      <c r="X18" s="61"/>
      <c r="Y18" s="61"/>
      <c r="Z18" s="61"/>
      <c r="AA18" s="61"/>
      <c r="AB18" s="61"/>
    </row>
    <row r="19" spans="3:28">
      <c r="C19" s="61"/>
      <c r="D19" s="61"/>
      <c r="E19" s="61"/>
      <c r="F19" s="61"/>
      <c r="G19" s="61"/>
      <c r="H19" s="61"/>
      <c r="I19" s="61"/>
      <c r="J19" s="61"/>
      <c r="K19" s="61"/>
      <c r="L19" s="61"/>
      <c r="M19" s="61"/>
      <c r="N19" s="61"/>
      <c r="O19" s="61"/>
      <c r="P19" s="61"/>
      <c r="Q19" s="61"/>
      <c r="R19" s="61"/>
      <c r="S19" s="61"/>
      <c r="T19" s="61"/>
      <c r="U19" s="61"/>
      <c r="V19" s="61"/>
      <c r="W19" s="61"/>
      <c r="X19" s="61"/>
      <c r="Y19" s="61"/>
      <c r="Z19" s="61"/>
      <c r="AA19" s="61"/>
      <c r="AB19" s="61"/>
    </row>
    <row r="20" spans="3:28">
      <c r="C20" s="61"/>
      <c r="D20" s="61"/>
      <c r="E20" s="61"/>
      <c r="F20" s="61"/>
      <c r="G20" s="61"/>
      <c r="H20" s="61"/>
      <c r="I20" s="61"/>
      <c r="J20" s="61"/>
      <c r="K20" s="61"/>
      <c r="L20" s="61"/>
      <c r="M20" s="61"/>
      <c r="N20" s="61"/>
      <c r="O20" s="61"/>
      <c r="P20" s="61"/>
      <c r="Q20" s="61"/>
      <c r="R20" s="61"/>
      <c r="S20" s="61"/>
      <c r="T20" s="61"/>
      <c r="U20" s="61"/>
      <c r="V20" s="61"/>
      <c r="W20" s="61"/>
      <c r="X20" s="61"/>
      <c r="Y20" s="61"/>
      <c r="Z20" s="61"/>
      <c r="AA20" s="61"/>
      <c r="AB20" s="61"/>
    </row>
    <row r="21" spans="3:28">
      <c r="C21" s="61"/>
      <c r="D21" s="61"/>
      <c r="E21" s="61"/>
      <c r="F21" s="61"/>
      <c r="G21" s="61"/>
      <c r="H21" s="61"/>
      <c r="I21" s="61"/>
      <c r="J21" s="61"/>
      <c r="K21" s="61"/>
      <c r="L21" s="61"/>
      <c r="M21" s="61"/>
      <c r="N21" s="61"/>
      <c r="O21" s="61"/>
      <c r="P21" s="61"/>
      <c r="Q21" s="61"/>
      <c r="R21" s="61"/>
      <c r="S21" s="61"/>
      <c r="T21" s="61"/>
      <c r="U21" s="61"/>
      <c r="V21" s="61"/>
      <c r="W21" s="61"/>
      <c r="X21" s="61"/>
      <c r="Y21" s="61"/>
      <c r="Z21" s="61"/>
      <c r="AA21" s="61"/>
      <c r="AB21" s="61"/>
    </row>
    <row r="22" spans="3:28">
      <c r="C22" s="61"/>
      <c r="D22" s="61"/>
      <c r="E22" s="61"/>
      <c r="F22" s="61"/>
      <c r="G22" s="61"/>
      <c r="H22" s="61"/>
      <c r="I22" s="61"/>
      <c r="J22" s="61"/>
      <c r="K22" s="61"/>
      <c r="L22" s="61"/>
      <c r="M22" s="61"/>
      <c r="N22" s="61"/>
      <c r="O22" s="61"/>
      <c r="P22" s="61"/>
      <c r="Q22" s="61"/>
      <c r="R22" s="61"/>
      <c r="S22" s="61"/>
      <c r="T22" s="61"/>
      <c r="U22" s="61"/>
      <c r="V22" s="61"/>
      <c r="W22" s="61"/>
      <c r="X22" s="61"/>
      <c r="Y22" s="61"/>
      <c r="Z22" s="61"/>
      <c r="AA22" s="61"/>
      <c r="AB22" s="61"/>
    </row>
    <row r="23" spans="3:28">
      <c r="C23" s="61"/>
      <c r="D23" s="61"/>
      <c r="E23" s="61"/>
      <c r="F23" s="61"/>
      <c r="G23" s="61"/>
      <c r="H23" s="61"/>
      <c r="I23" s="61"/>
      <c r="J23" s="61"/>
      <c r="K23" s="61"/>
      <c r="L23" s="61"/>
      <c r="M23" s="61"/>
      <c r="N23" s="61"/>
      <c r="O23" s="61"/>
      <c r="P23" s="61"/>
      <c r="Q23" s="61"/>
      <c r="R23" s="61"/>
      <c r="S23" s="61"/>
      <c r="T23" s="61"/>
      <c r="U23" s="61"/>
      <c r="V23" s="61"/>
      <c r="W23" s="61"/>
      <c r="X23" s="61"/>
      <c r="Y23" s="61"/>
      <c r="Z23" s="61"/>
      <c r="AA23" s="61"/>
      <c r="AB23" s="61"/>
    </row>
    <row r="24" spans="3:28">
      <c r="C24" s="61"/>
      <c r="D24" s="61"/>
      <c r="E24" s="61"/>
      <c r="F24" s="61"/>
      <c r="G24" s="61"/>
      <c r="H24" s="61"/>
      <c r="I24" s="61"/>
      <c r="J24" s="61"/>
      <c r="K24" s="61"/>
      <c r="L24" s="61"/>
      <c r="M24" s="61"/>
      <c r="N24" s="61"/>
      <c r="O24" s="61"/>
      <c r="P24" s="61"/>
      <c r="Q24" s="61"/>
      <c r="R24" s="61"/>
      <c r="S24" s="61"/>
      <c r="T24" s="61"/>
      <c r="U24" s="61"/>
      <c r="V24" s="61"/>
      <c r="W24" s="61"/>
      <c r="X24" s="61"/>
      <c r="Y24" s="61"/>
      <c r="Z24" s="61"/>
      <c r="AA24" s="61"/>
      <c r="AB24" s="61"/>
    </row>
    <row r="25" spans="3:28">
      <c r="C25" s="61"/>
      <c r="D25" s="61"/>
      <c r="E25" s="61"/>
      <c r="F25" s="61"/>
      <c r="G25" s="61"/>
      <c r="H25" s="61"/>
      <c r="I25" s="61"/>
      <c r="J25" s="61"/>
      <c r="K25" s="61"/>
      <c r="L25" s="61"/>
      <c r="M25" s="61"/>
      <c r="N25" s="61"/>
      <c r="O25" s="61"/>
      <c r="P25" s="61"/>
      <c r="Q25" s="61"/>
      <c r="R25" s="61"/>
      <c r="S25" s="61"/>
      <c r="T25" s="61"/>
      <c r="U25" s="61"/>
      <c r="V25" s="61"/>
      <c r="W25" s="61"/>
      <c r="X25" s="61"/>
      <c r="Y25" s="61"/>
      <c r="Z25" s="61"/>
      <c r="AA25" s="61"/>
      <c r="AB25" s="61"/>
    </row>
    <row r="26" spans="3:28">
      <c r="C26" s="61"/>
      <c r="D26" s="61"/>
      <c r="E26" s="61"/>
      <c r="F26" s="61"/>
      <c r="G26" s="61"/>
      <c r="H26" s="61"/>
      <c r="I26" s="61"/>
      <c r="J26" s="61"/>
      <c r="K26" s="61"/>
      <c r="L26" s="61"/>
      <c r="M26" s="61"/>
      <c r="N26" s="61"/>
      <c r="O26" s="61"/>
      <c r="P26" s="61"/>
      <c r="Q26" s="61"/>
      <c r="R26" s="61"/>
      <c r="S26" s="61"/>
      <c r="T26" s="61"/>
      <c r="U26" s="61"/>
      <c r="V26" s="61"/>
      <c r="W26" s="61"/>
      <c r="X26" s="61"/>
      <c r="Y26" s="61"/>
      <c r="Z26" s="61"/>
      <c r="AA26" s="61"/>
      <c r="AB26" s="61"/>
    </row>
    <row r="27" spans="3:28">
      <c r="C27" s="61"/>
      <c r="D27" s="61"/>
      <c r="E27" s="61"/>
      <c r="F27" s="61"/>
      <c r="G27" s="61"/>
      <c r="H27" s="61"/>
      <c r="I27" s="61"/>
      <c r="J27" s="61"/>
      <c r="K27" s="61"/>
      <c r="L27" s="61"/>
      <c r="M27" s="61"/>
      <c r="N27" s="61"/>
      <c r="O27" s="61"/>
      <c r="P27" s="61"/>
      <c r="Q27" s="61"/>
      <c r="R27" s="61"/>
      <c r="S27" s="61"/>
      <c r="T27" s="61"/>
      <c r="U27" s="61"/>
      <c r="V27" s="61"/>
      <c r="W27" s="61"/>
      <c r="X27" s="61"/>
      <c r="Y27" s="61"/>
      <c r="Z27" s="61"/>
      <c r="AA27" s="61"/>
      <c r="AB27" s="61"/>
    </row>
    <row r="28" spans="3:28">
      <c r="C28" s="61"/>
      <c r="D28" s="61"/>
      <c r="E28" s="61"/>
      <c r="F28" s="61"/>
      <c r="G28" s="61"/>
      <c r="H28" s="61"/>
      <c r="I28" s="61"/>
      <c r="J28" s="61"/>
      <c r="K28" s="61"/>
      <c r="L28" s="61"/>
      <c r="M28" s="61"/>
      <c r="N28" s="61"/>
      <c r="O28" s="61"/>
      <c r="P28" s="61"/>
      <c r="Q28" s="61"/>
      <c r="R28" s="61"/>
      <c r="S28" s="61"/>
      <c r="T28" s="61"/>
      <c r="U28" s="61"/>
      <c r="V28" s="61"/>
      <c r="W28" s="61"/>
      <c r="X28" s="61"/>
      <c r="Y28" s="61"/>
      <c r="Z28" s="61"/>
      <c r="AA28" s="61"/>
      <c r="AB28" s="61"/>
    </row>
    <row r="29" spans="3:28">
      <c r="C29" s="61"/>
      <c r="D29" s="61"/>
      <c r="E29" s="61"/>
      <c r="F29" s="61"/>
      <c r="G29" s="61"/>
      <c r="H29" s="61"/>
      <c r="I29" s="61"/>
      <c r="J29" s="61"/>
      <c r="K29" s="61"/>
      <c r="L29" s="61"/>
      <c r="M29" s="61"/>
      <c r="N29" s="61"/>
      <c r="O29" s="61"/>
      <c r="P29" s="61"/>
      <c r="Q29" s="61"/>
      <c r="R29" s="61"/>
      <c r="S29" s="61"/>
      <c r="T29" s="61"/>
      <c r="U29" s="61"/>
      <c r="V29" s="61"/>
      <c r="W29" s="61"/>
      <c r="X29" s="61"/>
      <c r="Y29" s="61"/>
      <c r="Z29" s="61"/>
      <c r="AA29" s="61"/>
      <c r="AB29" s="61"/>
    </row>
    <row r="30" spans="3:28">
      <c r="C30" s="61"/>
      <c r="D30" s="61"/>
      <c r="E30" s="61"/>
      <c r="F30" s="61"/>
      <c r="G30" s="61"/>
      <c r="H30" s="61"/>
      <c r="I30" s="61"/>
      <c r="J30" s="61"/>
      <c r="K30" s="61"/>
      <c r="L30" s="61"/>
      <c r="M30" s="61"/>
      <c r="N30" s="61"/>
      <c r="O30" s="61"/>
      <c r="P30" s="61"/>
      <c r="Q30" s="61"/>
      <c r="R30" s="61"/>
      <c r="S30" s="61"/>
      <c r="T30" s="61"/>
      <c r="U30" s="61"/>
      <c r="V30" s="61"/>
      <c r="W30" s="61"/>
      <c r="X30" s="61"/>
      <c r="Y30" s="61"/>
      <c r="Z30" s="61"/>
      <c r="AA30" s="61"/>
      <c r="AB30" s="61"/>
    </row>
    <row r="31" spans="3:28">
      <c r="C31" s="61"/>
      <c r="D31" s="61"/>
      <c r="E31" s="61"/>
      <c r="F31" s="61"/>
      <c r="G31" s="61"/>
      <c r="H31" s="61"/>
      <c r="I31" s="61"/>
      <c r="J31" s="61"/>
      <c r="K31" s="61"/>
      <c r="L31" s="61"/>
      <c r="M31" s="61"/>
      <c r="N31" s="61"/>
      <c r="O31" s="61"/>
      <c r="P31" s="61"/>
      <c r="Q31" s="61"/>
      <c r="R31" s="61"/>
      <c r="S31" s="61"/>
      <c r="T31" s="61"/>
      <c r="U31" s="61"/>
      <c r="V31" s="61"/>
      <c r="W31" s="61"/>
      <c r="X31" s="61"/>
      <c r="Y31" s="61"/>
      <c r="Z31" s="61"/>
      <c r="AA31" s="61"/>
      <c r="AB31" s="61"/>
    </row>
    <row r="32" spans="3:28">
      <c r="C32" s="61"/>
      <c r="D32" s="61"/>
      <c r="E32" s="61"/>
      <c r="F32" s="61"/>
      <c r="G32" s="61"/>
      <c r="H32" s="61"/>
      <c r="I32" s="61"/>
      <c r="J32" s="61"/>
      <c r="K32" s="61"/>
      <c r="L32" s="61"/>
      <c r="M32" s="61"/>
      <c r="N32" s="61"/>
      <c r="O32" s="61"/>
      <c r="P32" s="61"/>
      <c r="Q32" s="61"/>
      <c r="R32" s="61"/>
      <c r="S32" s="61"/>
      <c r="T32" s="61"/>
      <c r="U32" s="61"/>
      <c r="V32" s="61"/>
      <c r="W32" s="61"/>
      <c r="X32" s="61"/>
      <c r="Y32" s="61"/>
      <c r="Z32" s="61"/>
      <c r="AA32" s="61"/>
      <c r="AB32" s="61"/>
    </row>
    <row r="33" spans="3:28">
      <c r="C33" s="61"/>
      <c r="D33" s="61"/>
      <c r="E33" s="61"/>
      <c r="F33" s="61"/>
      <c r="G33" s="61"/>
      <c r="H33" s="61"/>
      <c r="I33" s="61"/>
      <c r="J33" s="61"/>
      <c r="K33" s="61"/>
      <c r="L33" s="61"/>
      <c r="M33" s="61"/>
      <c r="N33" s="61"/>
      <c r="O33" s="61"/>
      <c r="P33" s="61"/>
      <c r="Q33" s="61"/>
      <c r="R33" s="61"/>
      <c r="S33" s="61"/>
      <c r="T33" s="61"/>
      <c r="U33" s="61"/>
      <c r="V33" s="61"/>
      <c r="W33" s="61"/>
      <c r="X33" s="61"/>
      <c r="Y33" s="61"/>
      <c r="Z33" s="61"/>
      <c r="AA33" s="61"/>
      <c r="AB33" s="61"/>
    </row>
    <row r="34" spans="3:28">
      <c r="C34" s="61"/>
      <c r="D34" s="61"/>
      <c r="E34" s="61"/>
      <c r="F34" s="61"/>
      <c r="G34" s="61"/>
      <c r="H34" s="61"/>
      <c r="I34" s="61"/>
      <c r="J34" s="61"/>
      <c r="K34" s="61"/>
      <c r="L34" s="61"/>
      <c r="M34" s="61"/>
      <c r="N34" s="61"/>
      <c r="O34" s="61"/>
      <c r="P34" s="61"/>
      <c r="Q34" s="61"/>
      <c r="R34" s="61"/>
      <c r="S34" s="61"/>
      <c r="T34" s="61"/>
      <c r="U34" s="61"/>
      <c r="V34" s="61"/>
      <c r="W34" s="61"/>
      <c r="X34" s="61"/>
      <c r="Y34" s="61"/>
      <c r="Z34" s="61"/>
      <c r="AA34" s="61"/>
      <c r="AB34" s="61"/>
    </row>
    <row r="35" spans="3:28">
      <c r="C35" s="61"/>
      <c r="D35" s="61"/>
      <c r="E35" s="61"/>
      <c r="F35" s="61"/>
      <c r="G35" s="61"/>
      <c r="H35" s="61"/>
      <c r="I35" s="61"/>
      <c r="J35" s="61"/>
      <c r="K35" s="61"/>
      <c r="L35" s="61"/>
      <c r="M35" s="61"/>
      <c r="N35" s="61"/>
      <c r="O35" s="61"/>
      <c r="P35" s="61"/>
      <c r="Q35" s="61"/>
      <c r="R35" s="61"/>
      <c r="S35" s="61"/>
      <c r="T35" s="61"/>
      <c r="U35" s="61"/>
      <c r="V35" s="61"/>
      <c r="W35" s="61"/>
      <c r="X35" s="61"/>
      <c r="Y35" s="61"/>
      <c r="Z35" s="61"/>
      <c r="AA35" s="61"/>
      <c r="AB35" s="61"/>
    </row>
    <row r="36" spans="3:28">
      <c r="C36" s="61"/>
      <c r="D36" s="61"/>
      <c r="E36" s="61"/>
      <c r="F36" s="61"/>
      <c r="G36" s="61"/>
      <c r="H36" s="61"/>
      <c r="I36" s="61"/>
      <c r="J36" s="61"/>
      <c r="K36" s="61"/>
      <c r="L36" s="61"/>
      <c r="M36" s="61"/>
      <c r="N36" s="61"/>
      <c r="O36" s="61"/>
      <c r="P36" s="61"/>
      <c r="Q36" s="61"/>
      <c r="R36" s="61"/>
      <c r="S36" s="61"/>
      <c r="T36" s="61"/>
      <c r="U36" s="61"/>
      <c r="V36" s="61"/>
      <c r="W36" s="61"/>
      <c r="X36" s="61"/>
      <c r="Y36" s="61"/>
      <c r="Z36" s="61"/>
      <c r="AA36" s="61"/>
      <c r="AB36" s="61"/>
    </row>
  </sheetData>
  <pageMargins left="0.7" right="0.7" top="0.75" bottom="0.75" header="0.3" footer="0.3"/>
  <pageSetup paperSize="9"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7A7C348-BFB5-4D5B-9AFC-AC08BFD78047}">
  <dimension ref="B2:U133"/>
  <sheetViews>
    <sheetView zoomScale="70" zoomScaleNormal="70" workbookViewId="0">
      <selection activeCell="L10" sqref="L10"/>
    </sheetView>
  </sheetViews>
  <sheetFormatPr defaultRowHeight="15"/>
  <sheetData>
    <row r="2" spans="2:21">
      <c r="B2" s="66" t="s">
        <v>253</v>
      </c>
      <c r="C2" s="67"/>
      <c r="D2" s="67"/>
      <c r="E2" s="67"/>
      <c r="F2" s="67"/>
      <c r="G2" s="67"/>
      <c r="H2" s="67"/>
      <c r="I2" s="67"/>
      <c r="J2" s="67"/>
      <c r="M2" s="66" t="s">
        <v>254</v>
      </c>
      <c r="N2" s="67"/>
      <c r="O2" s="67"/>
      <c r="P2" s="67"/>
      <c r="Q2" s="67"/>
      <c r="R2" s="67"/>
      <c r="S2" s="67"/>
      <c r="T2" s="67"/>
      <c r="U2" s="67"/>
    </row>
    <row r="3" spans="2:21" ht="15" customHeight="1">
      <c r="B3" s="68" t="s">
        <v>256</v>
      </c>
      <c r="C3" s="68"/>
      <c r="D3" s="68"/>
      <c r="E3" s="68"/>
      <c r="F3" s="68"/>
      <c r="G3" s="68"/>
      <c r="H3" s="68"/>
      <c r="I3" s="68"/>
      <c r="J3" s="68"/>
      <c r="M3" s="69" t="s">
        <v>255</v>
      </c>
      <c r="N3" s="69"/>
      <c r="O3" s="69"/>
      <c r="P3" s="69"/>
      <c r="Q3" s="69"/>
      <c r="R3" s="69"/>
      <c r="S3" s="69"/>
      <c r="T3" s="69"/>
      <c r="U3" s="69"/>
    </row>
    <row r="4" spans="2:21">
      <c r="B4" s="68"/>
      <c r="C4" s="68"/>
      <c r="D4" s="68"/>
      <c r="E4" s="68"/>
      <c r="F4" s="68"/>
      <c r="G4" s="68"/>
      <c r="H4" s="68"/>
      <c r="I4" s="68"/>
      <c r="J4" s="68"/>
      <c r="M4" s="69"/>
      <c r="N4" s="69"/>
      <c r="O4" s="69"/>
      <c r="P4" s="69"/>
      <c r="Q4" s="69"/>
      <c r="R4" s="69"/>
      <c r="S4" s="69"/>
      <c r="T4" s="69"/>
      <c r="U4" s="69"/>
    </row>
    <row r="5" spans="2:21">
      <c r="B5" s="68"/>
      <c r="C5" s="68"/>
      <c r="D5" s="68"/>
      <c r="E5" s="68"/>
      <c r="F5" s="68"/>
      <c r="G5" s="68"/>
      <c r="H5" s="68"/>
      <c r="I5" s="68"/>
      <c r="J5" s="68"/>
      <c r="M5" s="69"/>
      <c r="N5" s="69"/>
      <c r="O5" s="69"/>
      <c r="P5" s="69"/>
      <c r="Q5" s="69"/>
      <c r="R5" s="69"/>
      <c r="S5" s="69"/>
      <c r="T5" s="69"/>
      <c r="U5" s="69"/>
    </row>
    <row r="6" spans="2:21">
      <c r="B6" s="68"/>
      <c r="C6" s="68"/>
      <c r="D6" s="68"/>
      <c r="E6" s="68"/>
      <c r="F6" s="68"/>
      <c r="G6" s="68"/>
      <c r="H6" s="68"/>
      <c r="I6" s="68"/>
      <c r="J6" s="68"/>
      <c r="M6" s="69"/>
      <c r="N6" s="69"/>
      <c r="O6" s="69"/>
      <c r="P6" s="69"/>
      <c r="Q6" s="69"/>
      <c r="R6" s="69"/>
      <c r="S6" s="69"/>
      <c r="T6" s="69"/>
      <c r="U6" s="69"/>
    </row>
    <row r="7" spans="2:21">
      <c r="B7" s="68"/>
      <c r="C7" s="68"/>
      <c r="D7" s="68"/>
      <c r="E7" s="68"/>
      <c r="F7" s="68"/>
      <c r="G7" s="68"/>
      <c r="H7" s="68"/>
      <c r="I7" s="68"/>
      <c r="J7" s="68"/>
      <c r="M7" s="69"/>
      <c r="N7" s="69"/>
      <c r="O7" s="69"/>
      <c r="P7" s="69"/>
      <c r="Q7" s="69"/>
      <c r="R7" s="69"/>
      <c r="S7" s="69"/>
      <c r="T7" s="69"/>
      <c r="U7" s="69"/>
    </row>
    <row r="8" spans="2:21">
      <c r="B8" s="68"/>
      <c r="C8" s="68"/>
      <c r="D8" s="68"/>
      <c r="E8" s="68"/>
      <c r="F8" s="68"/>
      <c r="G8" s="68"/>
      <c r="H8" s="68"/>
      <c r="I8" s="68"/>
      <c r="J8" s="68"/>
      <c r="M8" s="69"/>
      <c r="N8" s="69"/>
      <c r="O8" s="69"/>
      <c r="P8" s="69"/>
      <c r="Q8" s="69"/>
      <c r="R8" s="69"/>
      <c r="S8" s="69"/>
      <c r="T8" s="69"/>
      <c r="U8" s="69"/>
    </row>
    <row r="9" spans="2:21">
      <c r="B9" s="68"/>
      <c r="C9" s="68"/>
      <c r="D9" s="68"/>
      <c r="E9" s="68"/>
      <c r="F9" s="68"/>
      <c r="G9" s="68"/>
      <c r="H9" s="68"/>
      <c r="I9" s="68"/>
      <c r="J9" s="68"/>
      <c r="M9" s="69"/>
      <c r="N9" s="69"/>
      <c r="O9" s="69"/>
      <c r="P9" s="69"/>
      <c r="Q9" s="69"/>
      <c r="R9" s="69"/>
      <c r="S9" s="69"/>
      <c r="T9" s="69"/>
      <c r="U9" s="69"/>
    </row>
    <row r="10" spans="2:21">
      <c r="B10" s="68"/>
      <c r="C10" s="68"/>
      <c r="D10" s="68"/>
      <c r="E10" s="68"/>
      <c r="F10" s="68"/>
      <c r="G10" s="68"/>
      <c r="H10" s="68"/>
      <c r="I10" s="68"/>
      <c r="J10" s="68"/>
      <c r="M10" s="69"/>
      <c r="N10" s="69"/>
      <c r="O10" s="69"/>
      <c r="P10" s="69"/>
      <c r="Q10" s="69"/>
      <c r="R10" s="69"/>
      <c r="S10" s="69"/>
      <c r="T10" s="69"/>
      <c r="U10" s="69"/>
    </row>
    <row r="11" spans="2:21">
      <c r="B11" s="68"/>
      <c r="C11" s="68"/>
      <c r="D11" s="68"/>
      <c r="E11" s="68"/>
      <c r="F11" s="68"/>
      <c r="G11" s="68"/>
      <c r="H11" s="68"/>
      <c r="I11" s="68"/>
      <c r="J11" s="68"/>
      <c r="M11" s="69"/>
      <c r="N11" s="69"/>
      <c r="O11" s="69"/>
      <c r="P11" s="69"/>
      <c r="Q11" s="69"/>
      <c r="R11" s="69"/>
      <c r="S11" s="69"/>
      <c r="T11" s="69"/>
      <c r="U11" s="69"/>
    </row>
    <row r="12" spans="2:21">
      <c r="B12" s="68"/>
      <c r="C12" s="68"/>
      <c r="D12" s="68"/>
      <c r="E12" s="68"/>
      <c r="F12" s="68"/>
      <c r="G12" s="68"/>
      <c r="H12" s="68"/>
      <c r="I12" s="68"/>
      <c r="J12" s="68"/>
      <c r="M12" s="69"/>
      <c r="N12" s="69"/>
      <c r="O12" s="69"/>
      <c r="P12" s="69"/>
      <c r="Q12" s="69"/>
      <c r="R12" s="69"/>
      <c r="S12" s="69"/>
      <c r="T12" s="69"/>
      <c r="U12" s="69"/>
    </row>
    <row r="13" spans="2:21">
      <c r="B13" s="68"/>
      <c r="C13" s="68"/>
      <c r="D13" s="68"/>
      <c r="E13" s="68"/>
      <c r="F13" s="68"/>
      <c r="G13" s="68"/>
      <c r="H13" s="68"/>
      <c r="I13" s="68"/>
      <c r="J13" s="68"/>
      <c r="M13" s="69"/>
      <c r="N13" s="69"/>
      <c r="O13" s="69"/>
      <c r="P13" s="69"/>
      <c r="Q13" s="69"/>
      <c r="R13" s="69"/>
      <c r="S13" s="69"/>
      <c r="T13" s="69"/>
      <c r="U13" s="69"/>
    </row>
    <row r="14" spans="2:21">
      <c r="B14" s="68"/>
      <c r="C14" s="68"/>
      <c r="D14" s="68"/>
      <c r="E14" s="68"/>
      <c r="F14" s="68"/>
      <c r="G14" s="68"/>
      <c r="H14" s="68"/>
      <c r="I14" s="68"/>
      <c r="J14" s="68"/>
      <c r="M14" s="69"/>
      <c r="N14" s="69"/>
      <c r="O14" s="69"/>
      <c r="P14" s="69"/>
      <c r="Q14" s="69"/>
      <c r="R14" s="69"/>
      <c r="S14" s="69"/>
      <c r="T14" s="69"/>
      <c r="U14" s="69"/>
    </row>
    <row r="15" spans="2:21">
      <c r="B15" s="68"/>
      <c r="C15" s="68"/>
      <c r="D15" s="68"/>
      <c r="E15" s="68"/>
      <c r="F15" s="68"/>
      <c r="G15" s="68"/>
      <c r="H15" s="68"/>
      <c r="I15" s="68"/>
      <c r="J15" s="68"/>
      <c r="M15" s="69"/>
      <c r="N15" s="69"/>
      <c r="O15" s="69"/>
      <c r="P15" s="69"/>
      <c r="Q15" s="69"/>
      <c r="R15" s="69"/>
      <c r="S15" s="69"/>
      <c r="T15" s="69"/>
      <c r="U15" s="69"/>
    </row>
    <row r="16" spans="2:21">
      <c r="B16" s="68"/>
      <c r="C16" s="68"/>
      <c r="D16" s="68"/>
      <c r="E16" s="68"/>
      <c r="F16" s="68"/>
      <c r="G16" s="68"/>
      <c r="H16" s="68"/>
      <c r="I16" s="68"/>
      <c r="J16" s="68"/>
      <c r="M16" s="69"/>
      <c r="N16" s="69"/>
      <c r="O16" s="69"/>
      <c r="P16" s="69"/>
      <c r="Q16" s="69"/>
      <c r="R16" s="69"/>
      <c r="S16" s="69"/>
      <c r="T16" s="69"/>
      <c r="U16" s="69"/>
    </row>
    <row r="17" spans="2:21">
      <c r="B17" s="68"/>
      <c r="C17" s="68"/>
      <c r="D17" s="68"/>
      <c r="E17" s="68"/>
      <c r="F17" s="68"/>
      <c r="G17" s="68"/>
      <c r="H17" s="68"/>
      <c r="I17" s="68"/>
      <c r="J17" s="68"/>
      <c r="M17" s="69"/>
      <c r="N17" s="69"/>
      <c r="O17" s="69"/>
      <c r="P17" s="69"/>
      <c r="Q17" s="69"/>
      <c r="R17" s="69"/>
      <c r="S17" s="69"/>
      <c r="T17" s="69"/>
      <c r="U17" s="69"/>
    </row>
    <row r="18" spans="2:21">
      <c r="B18" s="68"/>
      <c r="C18" s="68"/>
      <c r="D18" s="68"/>
      <c r="E18" s="68"/>
      <c r="F18" s="68"/>
      <c r="G18" s="68"/>
      <c r="H18" s="68"/>
      <c r="I18" s="68"/>
      <c r="J18" s="68"/>
      <c r="M18" s="69"/>
      <c r="N18" s="69"/>
      <c r="O18" s="69"/>
      <c r="P18" s="69"/>
      <c r="Q18" s="69"/>
      <c r="R18" s="69"/>
      <c r="S18" s="69"/>
      <c r="T18" s="69"/>
      <c r="U18" s="69"/>
    </row>
    <row r="19" spans="2:21">
      <c r="B19" s="68"/>
      <c r="C19" s="68"/>
      <c r="D19" s="68"/>
      <c r="E19" s="68"/>
      <c r="F19" s="68"/>
      <c r="G19" s="68"/>
      <c r="H19" s="68"/>
      <c r="I19" s="68"/>
      <c r="J19" s="68"/>
      <c r="M19" s="69"/>
      <c r="N19" s="69"/>
      <c r="O19" s="69"/>
      <c r="P19" s="69"/>
      <c r="Q19" s="69"/>
      <c r="R19" s="69"/>
      <c r="S19" s="69"/>
      <c r="T19" s="69"/>
      <c r="U19" s="69"/>
    </row>
    <row r="20" spans="2:21">
      <c r="B20" s="68"/>
      <c r="C20" s="68"/>
      <c r="D20" s="68"/>
      <c r="E20" s="68"/>
      <c r="F20" s="68"/>
      <c r="G20" s="68"/>
      <c r="H20" s="68"/>
      <c r="I20" s="68"/>
      <c r="J20" s="68"/>
      <c r="M20" s="69"/>
      <c r="N20" s="69"/>
      <c r="O20" s="69"/>
      <c r="P20" s="69"/>
      <c r="Q20" s="69"/>
      <c r="R20" s="69"/>
      <c r="S20" s="69"/>
      <c r="T20" s="69"/>
      <c r="U20" s="69"/>
    </row>
    <row r="21" spans="2:21">
      <c r="B21" s="68"/>
      <c r="C21" s="68"/>
      <c r="D21" s="68"/>
      <c r="E21" s="68"/>
      <c r="F21" s="68"/>
      <c r="G21" s="68"/>
      <c r="H21" s="68"/>
      <c r="I21" s="68"/>
      <c r="J21" s="68"/>
      <c r="M21" s="69"/>
      <c r="N21" s="69"/>
      <c r="O21" s="69"/>
      <c r="P21" s="69"/>
      <c r="Q21" s="69"/>
      <c r="R21" s="69"/>
      <c r="S21" s="69"/>
      <c r="T21" s="69"/>
      <c r="U21" s="69"/>
    </row>
    <row r="22" spans="2:21">
      <c r="B22" s="68"/>
      <c r="C22" s="68"/>
      <c r="D22" s="68"/>
      <c r="E22" s="68"/>
      <c r="F22" s="68"/>
      <c r="G22" s="68"/>
      <c r="H22" s="68"/>
      <c r="I22" s="68"/>
      <c r="J22" s="68"/>
      <c r="M22" s="69"/>
      <c r="N22" s="69"/>
      <c r="O22" s="69"/>
      <c r="P22" s="69"/>
      <c r="Q22" s="69"/>
      <c r="R22" s="69"/>
      <c r="S22" s="69"/>
      <c r="T22" s="69"/>
      <c r="U22" s="69"/>
    </row>
    <row r="23" spans="2:21">
      <c r="B23" s="68"/>
      <c r="C23" s="68"/>
      <c r="D23" s="68"/>
      <c r="E23" s="68"/>
      <c r="F23" s="68"/>
      <c r="G23" s="68"/>
      <c r="H23" s="68"/>
      <c r="I23" s="68"/>
      <c r="J23" s="68"/>
      <c r="M23" s="69"/>
      <c r="N23" s="69"/>
      <c r="O23" s="69"/>
      <c r="P23" s="69"/>
      <c r="Q23" s="69"/>
      <c r="R23" s="69"/>
      <c r="S23" s="69"/>
      <c r="T23" s="69"/>
      <c r="U23" s="69"/>
    </row>
    <row r="24" spans="2:21">
      <c r="B24" s="68"/>
      <c r="C24" s="68"/>
      <c r="D24" s="68"/>
      <c r="E24" s="68"/>
      <c r="F24" s="68"/>
      <c r="G24" s="68"/>
      <c r="H24" s="68"/>
      <c r="I24" s="68"/>
      <c r="J24" s="68"/>
      <c r="M24" s="69"/>
      <c r="N24" s="69"/>
      <c r="O24" s="69"/>
      <c r="P24" s="69"/>
      <c r="Q24" s="69"/>
      <c r="R24" s="69"/>
      <c r="S24" s="69"/>
      <c r="T24" s="69"/>
      <c r="U24" s="69"/>
    </row>
    <row r="25" spans="2:21">
      <c r="B25" s="68"/>
      <c r="C25" s="68"/>
      <c r="D25" s="68"/>
      <c r="E25" s="68"/>
      <c r="F25" s="68"/>
      <c r="G25" s="68"/>
      <c r="H25" s="68"/>
      <c r="I25" s="68"/>
      <c r="J25" s="68"/>
      <c r="M25" s="69"/>
      <c r="N25" s="69"/>
      <c r="O25" s="69"/>
      <c r="P25" s="69"/>
      <c r="Q25" s="69"/>
      <c r="R25" s="69"/>
      <c r="S25" s="69"/>
      <c r="T25" s="69"/>
      <c r="U25" s="69"/>
    </row>
    <row r="26" spans="2:21">
      <c r="B26" s="68"/>
      <c r="C26" s="68"/>
      <c r="D26" s="68"/>
      <c r="E26" s="68"/>
      <c r="F26" s="68"/>
      <c r="G26" s="68"/>
      <c r="H26" s="68"/>
      <c r="I26" s="68"/>
      <c r="J26" s="68"/>
      <c r="M26" s="69"/>
      <c r="N26" s="69"/>
      <c r="O26" s="69"/>
      <c r="P26" s="69"/>
      <c r="Q26" s="69"/>
      <c r="R26" s="69"/>
      <c r="S26" s="69"/>
      <c r="T26" s="69"/>
      <c r="U26" s="69"/>
    </row>
    <row r="27" spans="2:21">
      <c r="B27" s="68"/>
      <c r="C27" s="68"/>
      <c r="D27" s="68"/>
      <c r="E27" s="68"/>
      <c r="F27" s="68"/>
      <c r="G27" s="68"/>
      <c r="H27" s="68"/>
      <c r="I27" s="68"/>
      <c r="J27" s="68"/>
      <c r="M27" s="69"/>
      <c r="N27" s="69"/>
      <c r="O27" s="69"/>
      <c r="P27" s="69"/>
      <c r="Q27" s="69"/>
      <c r="R27" s="69"/>
      <c r="S27" s="69"/>
      <c r="T27" s="69"/>
      <c r="U27" s="69"/>
    </row>
    <row r="28" spans="2:21">
      <c r="B28" s="68"/>
      <c r="C28" s="68"/>
      <c r="D28" s="68"/>
      <c r="E28" s="68"/>
      <c r="F28" s="68"/>
      <c r="G28" s="68"/>
      <c r="H28" s="68"/>
      <c r="I28" s="68"/>
      <c r="J28" s="68"/>
      <c r="M28" s="69"/>
      <c r="N28" s="69"/>
      <c r="O28" s="69"/>
      <c r="P28" s="69"/>
      <c r="Q28" s="69"/>
      <c r="R28" s="69"/>
      <c r="S28" s="69"/>
      <c r="T28" s="69"/>
      <c r="U28" s="69"/>
    </row>
    <row r="29" spans="2:21">
      <c r="B29" s="68"/>
      <c r="C29" s="68"/>
      <c r="D29" s="68"/>
      <c r="E29" s="68"/>
      <c r="F29" s="68"/>
      <c r="G29" s="68"/>
      <c r="H29" s="68"/>
      <c r="I29" s="68"/>
      <c r="J29" s="68"/>
      <c r="M29" s="69"/>
      <c r="N29" s="69"/>
      <c r="O29" s="69"/>
      <c r="P29" s="69"/>
      <c r="Q29" s="69"/>
      <c r="R29" s="69"/>
      <c r="S29" s="69"/>
      <c r="T29" s="69"/>
      <c r="U29" s="69"/>
    </row>
    <row r="30" spans="2:21">
      <c r="B30" s="68"/>
      <c r="C30" s="68"/>
      <c r="D30" s="68"/>
      <c r="E30" s="68"/>
      <c r="F30" s="68"/>
      <c r="G30" s="68"/>
      <c r="H30" s="68"/>
      <c r="I30" s="68"/>
      <c r="J30" s="68"/>
      <c r="M30" s="69"/>
      <c r="N30" s="69"/>
      <c r="O30" s="69"/>
      <c r="P30" s="69"/>
      <c r="Q30" s="69"/>
      <c r="R30" s="69"/>
      <c r="S30" s="69"/>
      <c r="T30" s="69"/>
      <c r="U30" s="69"/>
    </row>
    <row r="31" spans="2:21">
      <c r="B31" s="68"/>
      <c r="C31" s="68"/>
      <c r="D31" s="68"/>
      <c r="E31" s="68"/>
      <c r="F31" s="68"/>
      <c r="G31" s="68"/>
      <c r="H31" s="68"/>
      <c r="I31" s="68"/>
      <c r="J31" s="68"/>
      <c r="M31" s="69"/>
      <c r="N31" s="69"/>
      <c r="O31" s="69"/>
      <c r="P31" s="69"/>
      <c r="Q31" s="69"/>
      <c r="R31" s="69"/>
      <c r="S31" s="69"/>
      <c r="T31" s="69"/>
      <c r="U31" s="69"/>
    </row>
    <row r="32" spans="2:21">
      <c r="M32" s="69"/>
      <c r="N32" s="69"/>
      <c r="O32" s="69"/>
      <c r="P32" s="69"/>
      <c r="Q32" s="69"/>
      <c r="R32" s="69"/>
      <c r="S32" s="69"/>
      <c r="T32" s="69"/>
      <c r="U32" s="69"/>
    </row>
    <row r="33" spans="13:21">
      <c r="M33" s="69"/>
      <c r="N33" s="69"/>
      <c r="O33" s="69"/>
      <c r="P33" s="69"/>
      <c r="Q33" s="69"/>
      <c r="R33" s="69"/>
      <c r="S33" s="69"/>
      <c r="T33" s="69"/>
      <c r="U33" s="69"/>
    </row>
    <row r="34" spans="13:21">
      <c r="M34" s="69"/>
      <c r="N34" s="69"/>
      <c r="O34" s="69"/>
      <c r="P34" s="69"/>
      <c r="Q34" s="69"/>
      <c r="R34" s="69"/>
      <c r="S34" s="69"/>
      <c r="T34" s="69"/>
      <c r="U34" s="69"/>
    </row>
    <row r="35" spans="13:21">
      <c r="M35" s="69"/>
      <c r="N35" s="69"/>
      <c r="O35" s="69"/>
      <c r="P35" s="69"/>
      <c r="Q35" s="69"/>
      <c r="R35" s="69"/>
      <c r="S35" s="69"/>
      <c r="T35" s="69"/>
      <c r="U35" s="69"/>
    </row>
    <row r="36" spans="13:21">
      <c r="M36" s="69"/>
      <c r="N36" s="69"/>
      <c r="O36" s="69"/>
      <c r="P36" s="69"/>
      <c r="Q36" s="69"/>
      <c r="R36" s="69"/>
      <c r="S36" s="69"/>
      <c r="T36" s="69"/>
      <c r="U36" s="69"/>
    </row>
    <row r="37" spans="13:21">
      <c r="M37" s="69"/>
      <c r="N37" s="69"/>
      <c r="O37" s="69"/>
      <c r="P37" s="69"/>
      <c r="Q37" s="69"/>
      <c r="R37" s="69"/>
      <c r="S37" s="69"/>
      <c r="T37" s="69"/>
      <c r="U37" s="69"/>
    </row>
    <row r="38" spans="13:21">
      <c r="M38" s="69"/>
      <c r="N38" s="69"/>
      <c r="O38" s="69"/>
      <c r="P38" s="69"/>
      <c r="Q38" s="69"/>
      <c r="R38" s="69"/>
      <c r="S38" s="69"/>
      <c r="T38" s="69"/>
      <c r="U38" s="69"/>
    </row>
    <row r="39" spans="13:21">
      <c r="M39" s="62"/>
      <c r="N39" s="62"/>
      <c r="O39" s="62"/>
      <c r="P39" s="62"/>
      <c r="Q39" s="62"/>
      <c r="R39" s="62"/>
      <c r="S39" s="62"/>
      <c r="T39" s="62"/>
      <c r="U39" s="62"/>
    </row>
    <row r="40" spans="13:21">
      <c r="M40" s="62"/>
      <c r="N40" s="62"/>
      <c r="O40" s="62"/>
      <c r="P40" s="62"/>
      <c r="Q40" s="62"/>
      <c r="R40" s="62"/>
      <c r="S40" s="62"/>
      <c r="T40" s="62"/>
      <c r="U40" s="62"/>
    </row>
    <row r="41" spans="13:21">
      <c r="M41" s="62"/>
      <c r="N41" s="62"/>
      <c r="O41" s="62"/>
      <c r="P41" s="62"/>
      <c r="Q41" s="62"/>
      <c r="R41" s="62"/>
      <c r="S41" s="62"/>
      <c r="T41" s="62"/>
      <c r="U41" s="62"/>
    </row>
    <row r="42" spans="13:21">
      <c r="M42" s="62"/>
      <c r="N42" s="62"/>
      <c r="O42" s="62"/>
      <c r="P42" s="62"/>
      <c r="Q42" s="62"/>
      <c r="R42" s="62"/>
      <c r="S42" s="62"/>
      <c r="T42" s="62"/>
      <c r="U42" s="62"/>
    </row>
    <row r="43" spans="13:21">
      <c r="M43" s="62"/>
      <c r="N43" s="62"/>
      <c r="O43" s="62"/>
      <c r="P43" s="62"/>
      <c r="Q43" s="62"/>
      <c r="R43" s="62"/>
      <c r="S43" s="62"/>
      <c r="T43" s="62"/>
      <c r="U43" s="62"/>
    </row>
    <row r="44" spans="13:21">
      <c r="M44" s="62"/>
      <c r="N44" s="62"/>
      <c r="O44" s="62"/>
      <c r="P44" s="62"/>
      <c r="Q44" s="62"/>
      <c r="R44" s="62"/>
      <c r="S44" s="62"/>
      <c r="T44" s="62"/>
      <c r="U44" s="62"/>
    </row>
    <row r="45" spans="13:21">
      <c r="M45" s="62"/>
      <c r="N45" s="62"/>
      <c r="O45" s="62"/>
      <c r="P45" s="62"/>
      <c r="Q45" s="62"/>
      <c r="R45" s="62"/>
      <c r="S45" s="62"/>
      <c r="T45" s="62"/>
      <c r="U45" s="62"/>
    </row>
    <row r="46" spans="13:21">
      <c r="M46" s="62"/>
      <c r="N46" s="62"/>
      <c r="O46" s="62"/>
      <c r="P46" s="62"/>
      <c r="Q46" s="62"/>
      <c r="R46" s="62"/>
      <c r="S46" s="62"/>
      <c r="T46" s="62"/>
      <c r="U46" s="62"/>
    </row>
    <row r="47" spans="13:21">
      <c r="M47" s="62"/>
      <c r="N47" s="62"/>
      <c r="O47" s="62"/>
      <c r="P47" s="62"/>
      <c r="Q47" s="62"/>
      <c r="R47" s="62"/>
      <c r="S47" s="62"/>
      <c r="T47" s="62"/>
      <c r="U47" s="62"/>
    </row>
    <row r="48" spans="13:21">
      <c r="M48" s="62"/>
      <c r="N48" s="62"/>
      <c r="O48" s="62"/>
      <c r="P48" s="62"/>
      <c r="Q48" s="62"/>
      <c r="R48" s="62"/>
      <c r="S48" s="62"/>
      <c r="T48" s="62"/>
      <c r="U48" s="62"/>
    </row>
    <row r="49" spans="13:21">
      <c r="M49" s="62"/>
      <c r="N49" s="62"/>
      <c r="O49" s="62"/>
      <c r="P49" s="62"/>
      <c r="Q49" s="62"/>
      <c r="R49" s="62"/>
      <c r="S49" s="62"/>
      <c r="T49" s="62"/>
      <c r="U49" s="62"/>
    </row>
    <row r="50" spans="13:21">
      <c r="M50" s="62"/>
      <c r="N50" s="62"/>
      <c r="O50" s="62"/>
      <c r="P50" s="62"/>
      <c r="Q50" s="62"/>
      <c r="R50" s="62"/>
      <c r="S50" s="62"/>
      <c r="T50" s="62"/>
      <c r="U50" s="62"/>
    </row>
    <row r="51" spans="13:21">
      <c r="M51" s="62"/>
      <c r="N51" s="62"/>
      <c r="O51" s="62"/>
      <c r="P51" s="62"/>
      <c r="Q51" s="62"/>
      <c r="R51" s="62"/>
      <c r="S51" s="62"/>
      <c r="T51" s="62"/>
      <c r="U51" s="62"/>
    </row>
    <row r="52" spans="13:21">
      <c r="M52" s="62"/>
      <c r="N52" s="62"/>
      <c r="O52" s="62"/>
      <c r="P52" s="62"/>
      <c r="Q52" s="62"/>
      <c r="R52" s="62"/>
      <c r="S52" s="62"/>
      <c r="T52" s="62"/>
      <c r="U52" s="62"/>
    </row>
    <row r="53" spans="13:21">
      <c r="M53" s="62"/>
      <c r="N53" s="62"/>
      <c r="O53" s="62"/>
      <c r="P53" s="62"/>
      <c r="Q53" s="62"/>
      <c r="R53" s="62"/>
      <c r="S53" s="62"/>
      <c r="T53" s="62"/>
      <c r="U53" s="62"/>
    </row>
    <row r="54" spans="13:21">
      <c r="M54" s="62"/>
      <c r="N54" s="62"/>
      <c r="O54" s="62"/>
      <c r="P54" s="62"/>
      <c r="Q54" s="62"/>
      <c r="R54" s="62"/>
      <c r="S54" s="62"/>
      <c r="T54" s="62"/>
      <c r="U54" s="62"/>
    </row>
    <row r="55" spans="13:21">
      <c r="M55" s="62"/>
      <c r="N55" s="62"/>
      <c r="O55" s="62"/>
      <c r="P55" s="62"/>
      <c r="Q55" s="62"/>
      <c r="R55" s="62"/>
      <c r="S55" s="62"/>
      <c r="T55" s="62"/>
      <c r="U55" s="62"/>
    </row>
    <row r="56" spans="13:21">
      <c r="M56" s="62"/>
      <c r="N56" s="62"/>
      <c r="O56" s="62"/>
      <c r="P56" s="62"/>
      <c r="Q56" s="62"/>
      <c r="R56" s="62"/>
      <c r="S56" s="62"/>
      <c r="T56" s="62"/>
      <c r="U56" s="62"/>
    </row>
    <row r="57" spans="13:21">
      <c r="M57" s="62"/>
      <c r="N57" s="62"/>
      <c r="O57" s="62"/>
      <c r="P57" s="62"/>
      <c r="Q57" s="62"/>
      <c r="R57" s="62"/>
      <c r="S57" s="62"/>
      <c r="T57" s="62"/>
      <c r="U57" s="62"/>
    </row>
    <row r="58" spans="13:21">
      <c r="M58" s="62"/>
      <c r="N58" s="62"/>
      <c r="O58" s="62"/>
      <c r="P58" s="62"/>
      <c r="Q58" s="62"/>
      <c r="R58" s="62"/>
      <c r="S58" s="62"/>
      <c r="T58" s="62"/>
      <c r="U58" s="62"/>
    </row>
    <row r="59" spans="13:21">
      <c r="M59" s="62"/>
      <c r="N59" s="62"/>
      <c r="O59" s="62"/>
      <c r="P59" s="62"/>
      <c r="Q59" s="62"/>
      <c r="R59" s="62"/>
      <c r="S59" s="62"/>
      <c r="T59" s="62"/>
      <c r="U59" s="62"/>
    </row>
    <row r="60" spans="13:21">
      <c r="M60" s="62"/>
      <c r="N60" s="62"/>
      <c r="O60" s="62"/>
      <c r="P60" s="62"/>
      <c r="Q60" s="62"/>
      <c r="R60" s="62"/>
      <c r="S60" s="62"/>
      <c r="T60" s="62"/>
      <c r="U60" s="62"/>
    </row>
    <row r="61" spans="13:21">
      <c r="M61" s="62"/>
      <c r="N61" s="62"/>
      <c r="O61" s="62"/>
      <c r="P61" s="62"/>
      <c r="Q61" s="62"/>
      <c r="R61" s="62"/>
      <c r="S61" s="62"/>
      <c r="T61" s="62"/>
      <c r="U61" s="62"/>
    </row>
    <row r="62" spans="13:21">
      <c r="M62" s="62"/>
      <c r="N62" s="62"/>
      <c r="O62" s="62"/>
      <c r="P62" s="62"/>
      <c r="Q62" s="62"/>
      <c r="R62" s="62"/>
      <c r="S62" s="62"/>
      <c r="T62" s="62"/>
      <c r="U62" s="62"/>
    </row>
    <row r="63" spans="13:21">
      <c r="M63" s="62"/>
      <c r="N63" s="62"/>
      <c r="O63" s="62"/>
      <c r="P63" s="62"/>
      <c r="Q63" s="62"/>
      <c r="R63" s="62"/>
      <c r="S63" s="62"/>
      <c r="T63" s="62"/>
      <c r="U63" s="62"/>
    </row>
    <row r="64" spans="13:21">
      <c r="M64" s="62"/>
      <c r="N64" s="62"/>
      <c r="O64" s="62"/>
      <c r="P64" s="62"/>
      <c r="Q64" s="62"/>
      <c r="R64" s="62"/>
      <c r="S64" s="62"/>
      <c r="T64" s="62"/>
      <c r="U64" s="62"/>
    </row>
    <row r="65" spans="13:21">
      <c r="M65" s="62"/>
      <c r="N65" s="62"/>
      <c r="O65" s="62"/>
      <c r="P65" s="62"/>
      <c r="Q65" s="62"/>
      <c r="R65" s="62"/>
      <c r="S65" s="62"/>
      <c r="T65" s="62"/>
      <c r="U65" s="62"/>
    </row>
    <row r="66" spans="13:21">
      <c r="M66" s="62"/>
      <c r="N66" s="62"/>
      <c r="O66" s="62"/>
      <c r="P66" s="62"/>
      <c r="Q66" s="62"/>
      <c r="R66" s="62"/>
      <c r="S66" s="62"/>
      <c r="T66" s="62"/>
      <c r="U66" s="62"/>
    </row>
    <row r="67" spans="13:21">
      <c r="M67" s="62"/>
      <c r="N67" s="62"/>
      <c r="O67" s="62"/>
      <c r="P67" s="62"/>
      <c r="Q67" s="62"/>
      <c r="R67" s="62"/>
      <c r="S67" s="62"/>
      <c r="T67" s="62"/>
      <c r="U67" s="62"/>
    </row>
    <row r="68" spans="13:21">
      <c r="M68" s="62"/>
      <c r="N68" s="62"/>
      <c r="O68" s="62"/>
      <c r="P68" s="62"/>
      <c r="Q68" s="62"/>
      <c r="R68" s="62"/>
      <c r="S68" s="62"/>
      <c r="T68" s="62"/>
      <c r="U68" s="62"/>
    </row>
    <row r="69" spans="13:21">
      <c r="M69" s="62"/>
      <c r="N69" s="62"/>
      <c r="O69" s="62"/>
      <c r="P69" s="62"/>
      <c r="Q69" s="62"/>
      <c r="R69" s="62"/>
      <c r="S69" s="62"/>
      <c r="T69" s="62"/>
      <c r="U69" s="62"/>
    </row>
    <row r="70" spans="13:21">
      <c r="M70" s="62"/>
      <c r="N70" s="62"/>
      <c r="O70" s="62"/>
      <c r="P70" s="62"/>
      <c r="Q70" s="62"/>
      <c r="R70" s="62"/>
      <c r="S70" s="62"/>
      <c r="T70" s="62"/>
      <c r="U70" s="62"/>
    </row>
    <row r="71" spans="13:21">
      <c r="M71" s="62"/>
      <c r="N71" s="62"/>
      <c r="O71" s="62"/>
      <c r="P71" s="62"/>
      <c r="Q71" s="62"/>
      <c r="R71" s="62"/>
      <c r="S71" s="62"/>
      <c r="T71" s="62"/>
      <c r="U71" s="62"/>
    </row>
    <row r="72" spans="13:21">
      <c r="M72" s="62"/>
      <c r="N72" s="62"/>
      <c r="O72" s="62"/>
      <c r="P72" s="62"/>
      <c r="Q72" s="62"/>
      <c r="R72" s="62"/>
      <c r="S72" s="62"/>
      <c r="T72" s="62"/>
      <c r="U72" s="62"/>
    </row>
    <row r="73" spans="13:21">
      <c r="M73" s="62"/>
      <c r="N73" s="62"/>
      <c r="O73" s="62"/>
      <c r="P73" s="62"/>
      <c r="Q73" s="62"/>
      <c r="R73" s="62"/>
      <c r="S73" s="62"/>
      <c r="T73" s="62"/>
      <c r="U73" s="62"/>
    </row>
    <row r="74" spans="13:21">
      <c r="M74" s="62"/>
      <c r="N74" s="62"/>
      <c r="O74" s="62"/>
      <c r="P74" s="62"/>
      <c r="Q74" s="62"/>
      <c r="R74" s="62"/>
      <c r="S74" s="62"/>
      <c r="T74" s="62"/>
      <c r="U74" s="62"/>
    </row>
    <row r="75" spans="13:21">
      <c r="M75" s="62"/>
      <c r="N75" s="62"/>
      <c r="O75" s="62"/>
      <c r="P75" s="62"/>
      <c r="Q75" s="62"/>
      <c r="R75" s="62"/>
      <c r="S75" s="62"/>
      <c r="T75" s="62"/>
      <c r="U75" s="62"/>
    </row>
    <row r="76" spans="13:21">
      <c r="M76" s="62"/>
      <c r="N76" s="62"/>
      <c r="O76" s="62"/>
      <c r="P76" s="62"/>
      <c r="Q76" s="62"/>
      <c r="R76" s="62"/>
      <c r="S76" s="62"/>
      <c r="T76" s="62"/>
      <c r="U76" s="62"/>
    </row>
    <row r="77" spans="13:21">
      <c r="M77" s="62"/>
      <c r="N77" s="62"/>
      <c r="O77" s="62"/>
      <c r="P77" s="62"/>
      <c r="Q77" s="62"/>
      <c r="R77" s="62"/>
      <c r="S77" s="62"/>
      <c r="T77" s="62"/>
      <c r="U77" s="62"/>
    </row>
    <row r="78" spans="13:21">
      <c r="M78" s="62"/>
      <c r="N78" s="62"/>
      <c r="O78" s="62"/>
      <c r="P78" s="62"/>
      <c r="Q78" s="62"/>
      <c r="R78" s="62"/>
      <c r="S78" s="62"/>
      <c r="T78" s="62"/>
      <c r="U78" s="62"/>
    </row>
    <row r="79" spans="13:21">
      <c r="M79" s="62"/>
      <c r="N79" s="62"/>
      <c r="O79" s="62"/>
      <c r="P79" s="62"/>
      <c r="Q79" s="62"/>
      <c r="R79" s="62"/>
      <c r="S79" s="62"/>
      <c r="T79" s="62"/>
      <c r="U79" s="62"/>
    </row>
    <row r="80" spans="13:21">
      <c r="M80" s="62"/>
      <c r="N80" s="62"/>
      <c r="O80" s="62"/>
      <c r="P80" s="62"/>
      <c r="Q80" s="62"/>
      <c r="R80" s="62"/>
      <c r="S80" s="62"/>
      <c r="T80" s="62"/>
      <c r="U80" s="62"/>
    </row>
    <row r="81" spans="13:21">
      <c r="M81" s="62"/>
      <c r="N81" s="62"/>
      <c r="O81" s="62"/>
      <c r="P81" s="62"/>
      <c r="Q81" s="62"/>
      <c r="R81" s="62"/>
      <c r="S81" s="62"/>
      <c r="T81" s="62"/>
      <c r="U81" s="62"/>
    </row>
    <row r="82" spans="13:21">
      <c r="M82" s="62"/>
      <c r="N82" s="62"/>
      <c r="O82" s="62"/>
      <c r="P82" s="62"/>
      <c r="Q82" s="62"/>
      <c r="R82" s="62"/>
      <c r="S82" s="62"/>
      <c r="T82" s="62"/>
      <c r="U82" s="62"/>
    </row>
    <row r="83" spans="13:21">
      <c r="M83" s="62"/>
      <c r="N83" s="62"/>
      <c r="O83" s="62"/>
      <c r="P83" s="62"/>
      <c r="Q83" s="62"/>
      <c r="R83" s="62"/>
      <c r="S83" s="62"/>
      <c r="T83" s="62"/>
      <c r="U83" s="62"/>
    </row>
    <row r="84" spans="13:21">
      <c r="M84" s="62"/>
      <c r="N84" s="62"/>
      <c r="O84" s="62"/>
      <c r="P84" s="62"/>
      <c r="Q84" s="62"/>
      <c r="R84" s="62"/>
      <c r="S84" s="62"/>
      <c r="T84" s="62"/>
      <c r="U84" s="62"/>
    </row>
    <row r="85" spans="13:21">
      <c r="M85" s="62"/>
      <c r="N85" s="62"/>
      <c r="O85" s="62"/>
      <c r="P85" s="62"/>
      <c r="Q85" s="62"/>
      <c r="R85" s="62"/>
      <c r="S85" s="62"/>
      <c r="T85" s="62"/>
      <c r="U85" s="62"/>
    </row>
    <row r="86" spans="13:21">
      <c r="M86" s="62"/>
      <c r="N86" s="62"/>
      <c r="O86" s="62"/>
      <c r="P86" s="62"/>
      <c r="Q86" s="62"/>
      <c r="R86" s="62"/>
      <c r="S86" s="62"/>
      <c r="T86" s="62"/>
      <c r="U86" s="62"/>
    </row>
    <row r="87" spans="13:21">
      <c r="M87" s="62"/>
      <c r="N87" s="62"/>
      <c r="O87" s="62"/>
      <c r="P87" s="62"/>
      <c r="Q87" s="62"/>
      <c r="R87" s="62"/>
      <c r="S87" s="62"/>
      <c r="T87" s="62"/>
      <c r="U87" s="62"/>
    </row>
    <row r="88" spans="13:21">
      <c r="M88" s="62"/>
      <c r="N88" s="62"/>
      <c r="O88" s="62"/>
      <c r="P88" s="62"/>
      <c r="Q88" s="62"/>
      <c r="R88" s="62"/>
      <c r="S88" s="62"/>
      <c r="T88" s="62"/>
      <c r="U88" s="62"/>
    </row>
    <row r="89" spans="13:21">
      <c r="M89" s="62"/>
      <c r="N89" s="62"/>
      <c r="O89" s="62"/>
      <c r="P89" s="62"/>
      <c r="Q89" s="62"/>
      <c r="R89" s="62"/>
      <c r="S89" s="62"/>
      <c r="T89" s="62"/>
      <c r="U89" s="62"/>
    </row>
    <row r="90" spans="13:21">
      <c r="M90" s="62"/>
      <c r="N90" s="62"/>
      <c r="O90" s="62"/>
      <c r="P90" s="62"/>
      <c r="Q90" s="62"/>
      <c r="R90" s="62"/>
      <c r="S90" s="62"/>
      <c r="T90" s="62"/>
      <c r="U90" s="62"/>
    </row>
    <row r="91" spans="13:21">
      <c r="M91" s="62"/>
      <c r="N91" s="62"/>
      <c r="O91" s="62"/>
      <c r="P91" s="62"/>
      <c r="Q91" s="62"/>
      <c r="R91" s="62"/>
      <c r="S91" s="62"/>
      <c r="T91" s="62"/>
      <c r="U91" s="62"/>
    </row>
    <row r="92" spans="13:21">
      <c r="M92" s="62"/>
      <c r="N92" s="62"/>
      <c r="O92" s="62"/>
      <c r="P92" s="62"/>
      <c r="Q92" s="62"/>
      <c r="R92" s="62"/>
      <c r="S92" s="62"/>
      <c r="T92" s="62"/>
      <c r="U92" s="62"/>
    </row>
    <row r="93" spans="13:21">
      <c r="M93" s="62"/>
      <c r="N93" s="62"/>
      <c r="O93" s="62"/>
      <c r="P93" s="62"/>
      <c r="Q93" s="62"/>
      <c r="R93" s="62"/>
      <c r="S93" s="62"/>
      <c r="T93" s="62"/>
      <c r="U93" s="62"/>
    </row>
    <row r="94" spans="13:21">
      <c r="M94" s="62"/>
      <c r="N94" s="62"/>
      <c r="O94" s="62"/>
      <c r="P94" s="62"/>
      <c r="Q94" s="62"/>
      <c r="R94" s="62"/>
      <c r="S94" s="62"/>
      <c r="T94" s="62"/>
      <c r="U94" s="62"/>
    </row>
    <row r="95" spans="13:21">
      <c r="M95" s="62"/>
      <c r="N95" s="62"/>
      <c r="O95" s="62"/>
      <c r="P95" s="62"/>
      <c r="Q95" s="62"/>
      <c r="R95" s="62"/>
      <c r="S95" s="62"/>
      <c r="T95" s="62"/>
      <c r="U95" s="62"/>
    </row>
    <row r="96" spans="13:21">
      <c r="M96" s="62"/>
      <c r="N96" s="62"/>
      <c r="O96" s="62"/>
      <c r="P96" s="62"/>
      <c r="Q96" s="62"/>
      <c r="R96" s="62"/>
      <c r="S96" s="62"/>
      <c r="T96" s="62"/>
      <c r="U96" s="62"/>
    </row>
    <row r="97" spans="13:21">
      <c r="M97" s="62"/>
      <c r="N97" s="62"/>
      <c r="O97" s="62"/>
      <c r="P97" s="62"/>
      <c r="Q97" s="62"/>
      <c r="R97" s="62"/>
      <c r="S97" s="62"/>
      <c r="T97" s="62"/>
      <c r="U97" s="62"/>
    </row>
    <row r="98" spans="13:21">
      <c r="M98" s="62"/>
      <c r="N98" s="62"/>
      <c r="O98" s="62"/>
      <c r="P98" s="62"/>
      <c r="Q98" s="62"/>
      <c r="R98" s="62"/>
      <c r="S98" s="62"/>
      <c r="T98" s="62"/>
      <c r="U98" s="62"/>
    </row>
    <row r="99" spans="13:21">
      <c r="M99" s="62"/>
      <c r="N99" s="62"/>
      <c r="O99" s="62"/>
      <c r="P99" s="62"/>
      <c r="Q99" s="62"/>
      <c r="R99" s="62"/>
      <c r="S99" s="62"/>
      <c r="T99" s="62"/>
      <c r="U99" s="62"/>
    </row>
    <row r="100" spans="13:21">
      <c r="M100" s="62"/>
      <c r="N100" s="62"/>
      <c r="O100" s="62"/>
      <c r="P100" s="62"/>
      <c r="Q100" s="62"/>
      <c r="R100" s="62"/>
      <c r="S100" s="62"/>
      <c r="T100" s="62"/>
      <c r="U100" s="62"/>
    </row>
    <row r="101" spans="13:21">
      <c r="M101" s="62"/>
      <c r="N101" s="62"/>
      <c r="O101" s="62"/>
      <c r="P101" s="62"/>
      <c r="Q101" s="62"/>
      <c r="R101" s="62"/>
      <c r="S101" s="62"/>
      <c r="T101" s="62"/>
      <c r="U101" s="62"/>
    </row>
    <row r="102" spans="13:21">
      <c r="M102" s="62"/>
      <c r="N102" s="62"/>
      <c r="O102" s="62"/>
      <c r="P102" s="62"/>
      <c r="Q102" s="62"/>
      <c r="R102" s="62"/>
      <c r="S102" s="62"/>
      <c r="T102" s="62"/>
      <c r="U102" s="62"/>
    </row>
    <row r="103" spans="13:21">
      <c r="M103" s="62"/>
      <c r="N103" s="62"/>
      <c r="O103" s="62"/>
      <c r="P103" s="62"/>
      <c r="Q103" s="62"/>
      <c r="R103" s="62"/>
      <c r="S103" s="62"/>
      <c r="T103" s="62"/>
      <c r="U103" s="62"/>
    </row>
    <row r="104" spans="13:21">
      <c r="M104" s="62"/>
      <c r="N104" s="62"/>
      <c r="O104" s="62"/>
      <c r="P104" s="62"/>
      <c r="Q104" s="62"/>
      <c r="R104" s="62"/>
      <c r="S104" s="62"/>
      <c r="T104" s="62"/>
      <c r="U104" s="62"/>
    </row>
    <row r="105" spans="13:21">
      <c r="M105" s="62"/>
      <c r="N105" s="62"/>
      <c r="O105" s="62"/>
      <c r="P105" s="62"/>
      <c r="Q105" s="62"/>
      <c r="R105" s="62"/>
      <c r="S105" s="62"/>
      <c r="T105" s="62"/>
      <c r="U105" s="62"/>
    </row>
    <row r="106" spans="13:21">
      <c r="M106" s="62"/>
      <c r="N106" s="62"/>
      <c r="O106" s="62"/>
      <c r="P106" s="62"/>
      <c r="Q106" s="62"/>
      <c r="R106" s="62"/>
      <c r="S106" s="62"/>
      <c r="T106" s="62"/>
      <c r="U106" s="62"/>
    </row>
    <row r="107" spans="13:21">
      <c r="M107" s="62"/>
      <c r="N107" s="62"/>
      <c r="O107" s="62"/>
      <c r="P107" s="62"/>
      <c r="Q107" s="62"/>
      <c r="R107" s="62"/>
      <c r="S107" s="62"/>
      <c r="T107" s="62"/>
      <c r="U107" s="62"/>
    </row>
    <row r="108" spans="13:21">
      <c r="M108" s="62"/>
      <c r="N108" s="62"/>
      <c r="O108" s="62"/>
      <c r="P108" s="62"/>
      <c r="Q108" s="62"/>
      <c r="R108" s="62"/>
      <c r="S108" s="62"/>
      <c r="T108" s="62"/>
      <c r="U108" s="62"/>
    </row>
    <row r="109" spans="13:21">
      <c r="M109" s="62"/>
      <c r="N109" s="62"/>
      <c r="O109" s="62"/>
      <c r="P109" s="62"/>
      <c r="Q109" s="62"/>
      <c r="R109" s="62"/>
      <c r="S109" s="62"/>
      <c r="T109" s="62"/>
      <c r="U109" s="62"/>
    </row>
    <row r="110" spans="13:21">
      <c r="M110" s="62"/>
      <c r="N110" s="62"/>
      <c r="O110" s="62"/>
      <c r="P110" s="62"/>
      <c r="Q110" s="62"/>
      <c r="R110" s="62"/>
      <c r="S110" s="62"/>
      <c r="T110" s="62"/>
      <c r="U110" s="62"/>
    </row>
    <row r="111" spans="13:21">
      <c r="M111" s="62"/>
      <c r="N111" s="62"/>
      <c r="O111" s="62"/>
      <c r="P111" s="62"/>
      <c r="Q111" s="62"/>
      <c r="R111" s="62"/>
      <c r="S111" s="62"/>
      <c r="T111" s="62"/>
      <c r="U111" s="62"/>
    </row>
    <row r="112" spans="13:21">
      <c r="M112" s="62"/>
      <c r="N112" s="62"/>
      <c r="O112" s="62"/>
      <c r="P112" s="62"/>
      <c r="Q112" s="62"/>
      <c r="R112" s="62"/>
      <c r="S112" s="62"/>
      <c r="T112" s="62"/>
      <c r="U112" s="62"/>
    </row>
    <row r="113" spans="13:21">
      <c r="M113" s="62"/>
      <c r="N113" s="62"/>
      <c r="O113" s="62"/>
      <c r="P113" s="62"/>
      <c r="Q113" s="62"/>
      <c r="R113" s="62"/>
      <c r="S113" s="62"/>
      <c r="T113" s="62"/>
      <c r="U113" s="62"/>
    </row>
    <row r="114" spans="13:21">
      <c r="M114" s="62"/>
      <c r="N114" s="62"/>
      <c r="O114" s="62"/>
      <c r="P114" s="62"/>
      <c r="Q114" s="62"/>
      <c r="R114" s="62"/>
      <c r="S114" s="62"/>
      <c r="T114" s="62"/>
      <c r="U114" s="62"/>
    </row>
    <row r="115" spans="13:21">
      <c r="M115" s="62"/>
      <c r="N115" s="62"/>
      <c r="O115" s="62"/>
      <c r="P115" s="62"/>
      <c r="Q115" s="62"/>
      <c r="R115" s="62"/>
      <c r="S115" s="62"/>
      <c r="T115" s="62"/>
      <c r="U115" s="62"/>
    </row>
    <row r="116" spans="13:21">
      <c r="M116" s="62"/>
      <c r="N116" s="62"/>
      <c r="O116" s="62"/>
      <c r="P116" s="62"/>
      <c r="Q116" s="62"/>
      <c r="R116" s="62"/>
      <c r="S116" s="62"/>
      <c r="T116" s="62"/>
      <c r="U116" s="62"/>
    </row>
    <row r="117" spans="13:21">
      <c r="M117" s="62"/>
      <c r="N117" s="62"/>
      <c r="O117" s="62"/>
      <c r="P117" s="62"/>
      <c r="Q117" s="62"/>
      <c r="R117" s="62"/>
      <c r="S117" s="62"/>
      <c r="T117" s="62"/>
      <c r="U117" s="62"/>
    </row>
    <row r="118" spans="13:21">
      <c r="M118" s="62"/>
      <c r="N118" s="62"/>
      <c r="O118" s="62"/>
      <c r="P118" s="62"/>
      <c r="Q118" s="62"/>
      <c r="R118" s="62"/>
      <c r="S118" s="62"/>
      <c r="T118" s="62"/>
      <c r="U118" s="62"/>
    </row>
    <row r="119" spans="13:21">
      <c r="M119" s="62"/>
      <c r="N119" s="62"/>
      <c r="O119" s="62"/>
      <c r="P119" s="62"/>
      <c r="Q119" s="62"/>
      <c r="R119" s="62"/>
      <c r="S119" s="62"/>
      <c r="T119" s="62"/>
      <c r="U119" s="62"/>
    </row>
    <row r="120" spans="13:21">
      <c r="M120" s="62"/>
      <c r="N120" s="62"/>
      <c r="O120" s="62"/>
      <c r="P120" s="62"/>
      <c r="Q120" s="62"/>
      <c r="R120" s="62"/>
      <c r="S120" s="62"/>
      <c r="T120" s="62"/>
      <c r="U120" s="62"/>
    </row>
    <row r="121" spans="13:21">
      <c r="M121" s="62"/>
      <c r="N121" s="62"/>
      <c r="O121" s="62"/>
      <c r="P121" s="62"/>
      <c r="Q121" s="62"/>
      <c r="R121" s="62"/>
      <c r="S121" s="62"/>
      <c r="T121" s="62"/>
      <c r="U121" s="62"/>
    </row>
    <row r="122" spans="13:21">
      <c r="M122" s="62"/>
      <c r="N122" s="62"/>
      <c r="O122" s="62"/>
      <c r="P122" s="62"/>
      <c r="Q122" s="62"/>
      <c r="R122" s="62"/>
      <c r="S122" s="62"/>
      <c r="T122" s="62"/>
      <c r="U122" s="62"/>
    </row>
    <row r="123" spans="13:21">
      <c r="M123" s="62"/>
      <c r="N123" s="62"/>
      <c r="O123" s="62"/>
      <c r="P123" s="62"/>
      <c r="Q123" s="62"/>
      <c r="R123" s="62"/>
      <c r="S123" s="62"/>
      <c r="T123" s="62"/>
      <c r="U123" s="62"/>
    </row>
    <row r="124" spans="13:21">
      <c r="M124" s="62"/>
      <c r="N124" s="62"/>
      <c r="O124" s="62"/>
      <c r="P124" s="62"/>
      <c r="Q124" s="62"/>
      <c r="R124" s="62"/>
      <c r="S124" s="62"/>
      <c r="T124" s="62"/>
      <c r="U124" s="62"/>
    </row>
    <row r="125" spans="13:21">
      <c r="M125" s="62"/>
      <c r="N125" s="62"/>
      <c r="O125" s="62"/>
      <c r="P125" s="62"/>
      <c r="Q125" s="62"/>
      <c r="R125" s="62"/>
      <c r="S125" s="62"/>
      <c r="T125" s="62"/>
      <c r="U125" s="62"/>
    </row>
    <row r="126" spans="13:21">
      <c r="M126" s="62"/>
      <c r="N126" s="62"/>
      <c r="O126" s="62"/>
      <c r="P126" s="62"/>
      <c r="Q126" s="62"/>
      <c r="R126" s="62"/>
      <c r="S126" s="62"/>
      <c r="T126" s="62"/>
      <c r="U126" s="62"/>
    </row>
    <row r="127" spans="13:21">
      <c r="M127" s="62"/>
      <c r="N127" s="62"/>
      <c r="O127" s="62"/>
      <c r="P127" s="62"/>
      <c r="Q127" s="62"/>
      <c r="R127" s="62"/>
      <c r="S127" s="62"/>
      <c r="T127" s="62"/>
      <c r="U127" s="62"/>
    </row>
    <row r="128" spans="13:21">
      <c r="M128" s="62"/>
      <c r="N128" s="62"/>
      <c r="O128" s="62"/>
      <c r="P128" s="62"/>
      <c r="Q128" s="62"/>
      <c r="R128" s="62"/>
      <c r="S128" s="62"/>
      <c r="T128" s="62"/>
      <c r="U128" s="62"/>
    </row>
    <row r="129" spans="13:21">
      <c r="M129" s="62"/>
      <c r="N129" s="62"/>
      <c r="O129" s="62"/>
      <c r="P129" s="62"/>
      <c r="Q129" s="62"/>
      <c r="R129" s="62"/>
      <c r="S129" s="62"/>
      <c r="T129" s="62"/>
      <c r="U129" s="62"/>
    </row>
    <row r="130" spans="13:21">
      <c r="M130" s="62"/>
      <c r="N130" s="62"/>
      <c r="O130" s="62"/>
      <c r="P130" s="62"/>
      <c r="Q130" s="62"/>
      <c r="R130" s="62"/>
      <c r="S130" s="62"/>
      <c r="T130" s="62"/>
      <c r="U130" s="62"/>
    </row>
    <row r="131" spans="13:21">
      <c r="M131" s="62"/>
      <c r="N131" s="62"/>
      <c r="O131" s="62"/>
      <c r="P131" s="62"/>
      <c r="Q131" s="62"/>
      <c r="R131" s="62"/>
      <c r="S131" s="62"/>
      <c r="T131" s="62"/>
      <c r="U131" s="62"/>
    </row>
    <row r="132" spans="13:21">
      <c r="M132" s="62"/>
      <c r="N132" s="62"/>
      <c r="O132" s="62"/>
      <c r="P132" s="62"/>
      <c r="Q132" s="62"/>
      <c r="R132" s="62"/>
      <c r="S132" s="62"/>
      <c r="T132" s="62"/>
      <c r="U132" s="62"/>
    </row>
    <row r="133" spans="13:21">
      <c r="M133" s="62"/>
      <c r="N133" s="62"/>
      <c r="O133" s="62"/>
      <c r="P133" s="62"/>
      <c r="Q133" s="62"/>
      <c r="R133" s="62"/>
      <c r="S133" s="62"/>
      <c r="T133" s="62"/>
      <c r="U133" s="62"/>
    </row>
  </sheetData>
  <mergeCells count="4">
    <mergeCell ref="B2:J2"/>
    <mergeCell ref="M2:U2"/>
    <mergeCell ref="B3:J31"/>
    <mergeCell ref="M3:U38"/>
  </mergeCell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5564785-8F57-47C5-9395-7BA82ED77D2A}">
  <dimension ref="A1:F1127"/>
  <sheetViews>
    <sheetView tabSelected="1" topLeftCell="A190" zoomScaleNormal="100" workbookViewId="0">
      <selection activeCell="E215" sqref="E215"/>
    </sheetView>
  </sheetViews>
  <sheetFormatPr defaultRowHeight="15"/>
  <cols>
    <col min="1" max="1" width="12.42578125" style="6" customWidth="1"/>
    <col min="2" max="2" width="5" style="6" customWidth="1"/>
    <col min="3" max="3" width="4.5703125" customWidth="1"/>
    <col min="4" max="4" width="8.42578125" customWidth="1"/>
    <col min="5" max="5" width="78.140625" bestFit="1" customWidth="1"/>
    <col min="6" max="6" width="47.42578125" customWidth="1"/>
  </cols>
  <sheetData>
    <row r="1" spans="1:6">
      <c r="A1"/>
      <c r="B1"/>
    </row>
    <row r="2" spans="1:6">
      <c r="A2"/>
      <c r="B2" s="70" t="s">
        <v>8</v>
      </c>
      <c r="C2" s="71"/>
      <c r="D2" s="71"/>
      <c r="E2" s="15" t="s">
        <v>9</v>
      </c>
      <c r="F2" s="16" t="s">
        <v>10</v>
      </c>
    </row>
    <row r="3" spans="1:6">
      <c r="A3"/>
      <c r="B3" s="75" t="s">
        <v>230</v>
      </c>
      <c r="C3" s="76"/>
      <c r="D3" s="77"/>
      <c r="E3" s="34" t="s">
        <v>12</v>
      </c>
      <c r="F3" s="35"/>
    </row>
    <row r="4" spans="1:6">
      <c r="A4"/>
      <c r="B4" s="78"/>
      <c r="C4" s="79"/>
      <c r="D4" s="80"/>
      <c r="E4" s="36" t="s">
        <v>13</v>
      </c>
      <c r="F4" s="37"/>
    </row>
    <row r="5" spans="1:6" ht="30">
      <c r="A5"/>
      <c r="B5" s="78"/>
      <c r="C5" s="79"/>
      <c r="D5" s="80"/>
      <c r="E5" s="40" t="s">
        <v>164</v>
      </c>
      <c r="F5" s="39" t="s">
        <v>14</v>
      </c>
    </row>
    <row r="6" spans="1:6">
      <c r="A6"/>
      <c r="B6" s="78"/>
      <c r="C6" s="79"/>
      <c r="D6" s="80"/>
      <c r="E6" s="36" t="s">
        <v>15</v>
      </c>
      <c r="F6" s="37"/>
    </row>
    <row r="7" spans="1:6">
      <c r="A7"/>
      <c r="B7" s="78"/>
      <c r="C7" s="79"/>
      <c r="D7" s="80"/>
      <c r="E7" s="36" t="s">
        <v>16</v>
      </c>
      <c r="F7" s="37"/>
    </row>
    <row r="8" spans="1:6">
      <c r="A8"/>
      <c r="B8" s="78"/>
      <c r="C8" s="79"/>
      <c r="D8" s="80"/>
      <c r="E8" s="36" t="s">
        <v>17</v>
      </c>
      <c r="F8" s="37"/>
    </row>
    <row r="9" spans="1:6">
      <c r="A9"/>
      <c r="B9" s="78"/>
      <c r="C9" s="79"/>
      <c r="D9" s="80"/>
      <c r="E9" s="36" t="s">
        <v>18</v>
      </c>
      <c r="F9" s="37"/>
    </row>
    <row r="10" spans="1:6">
      <c r="A10"/>
      <c r="B10" s="78"/>
      <c r="C10" s="79"/>
      <c r="D10" s="80"/>
      <c r="E10" s="38" t="s">
        <v>19</v>
      </c>
      <c r="F10" s="39" t="s">
        <v>20</v>
      </c>
    </row>
    <row r="11" spans="1:6">
      <c r="A11"/>
      <c r="B11" s="78"/>
      <c r="C11" s="79"/>
      <c r="D11" s="80"/>
      <c r="E11" s="36" t="s">
        <v>21</v>
      </c>
      <c r="F11" s="37"/>
    </row>
    <row r="12" spans="1:6">
      <c r="A12"/>
      <c r="B12" s="78"/>
      <c r="C12" s="79"/>
      <c r="D12" s="80"/>
      <c r="E12" s="36" t="s">
        <v>22</v>
      </c>
      <c r="F12" s="37"/>
    </row>
    <row r="13" spans="1:6">
      <c r="A13"/>
      <c r="B13" s="78"/>
      <c r="C13" s="79"/>
      <c r="D13" s="80"/>
      <c r="E13" s="36" t="s">
        <v>17</v>
      </c>
      <c r="F13" s="37"/>
    </row>
    <row r="14" spans="1:6">
      <c r="A14"/>
      <c r="B14" s="78"/>
      <c r="C14" s="79"/>
      <c r="D14" s="80"/>
      <c r="E14" s="36" t="s">
        <v>18</v>
      </c>
      <c r="F14" s="37"/>
    </row>
    <row r="15" spans="1:6">
      <c r="A15"/>
      <c r="B15" s="78"/>
      <c r="C15" s="79"/>
      <c r="D15" s="80"/>
      <c r="E15" s="38" t="s">
        <v>23</v>
      </c>
      <c r="F15" s="39" t="s">
        <v>24</v>
      </c>
    </row>
    <row r="16" spans="1:6">
      <c r="A16"/>
      <c r="B16" s="78"/>
      <c r="C16" s="79"/>
      <c r="D16" s="80"/>
      <c r="E16" s="36" t="s">
        <v>25</v>
      </c>
      <c r="F16" s="37"/>
    </row>
    <row r="17" spans="1:6">
      <c r="A17"/>
      <c r="B17" s="78"/>
      <c r="C17" s="79"/>
      <c r="D17" s="80"/>
      <c r="E17" s="36" t="s">
        <v>26</v>
      </c>
      <c r="F17" s="37"/>
    </row>
    <row r="18" spans="1:6">
      <c r="A18"/>
      <c r="B18" s="78"/>
      <c r="C18" s="79"/>
      <c r="D18" s="80"/>
      <c r="E18" s="36" t="s">
        <v>27</v>
      </c>
      <c r="F18" s="37"/>
    </row>
    <row r="19" spans="1:6">
      <c r="A19"/>
      <c r="B19" s="78"/>
      <c r="C19" s="79"/>
      <c r="D19" s="80"/>
      <c r="E19" s="36" t="s">
        <v>28</v>
      </c>
      <c r="F19" s="37"/>
    </row>
    <row r="20" spans="1:6">
      <c r="A20"/>
      <c r="B20" s="78"/>
      <c r="C20" s="79"/>
      <c r="D20" s="80"/>
      <c r="E20" s="38" t="s">
        <v>29</v>
      </c>
      <c r="F20" s="39" t="s">
        <v>20</v>
      </c>
    </row>
    <row r="21" spans="1:6">
      <c r="A21"/>
      <c r="B21" s="78"/>
      <c r="C21" s="79"/>
      <c r="D21" s="80"/>
      <c r="E21" s="38" t="s">
        <v>30</v>
      </c>
      <c r="F21" s="39" t="s">
        <v>31</v>
      </c>
    </row>
    <row r="22" spans="1:6">
      <c r="A22"/>
      <c r="B22" s="78"/>
      <c r="C22" s="79"/>
      <c r="D22" s="80"/>
      <c r="E22" s="36" t="s">
        <v>25</v>
      </c>
      <c r="F22" s="37"/>
    </row>
    <row r="23" spans="1:6">
      <c r="A23"/>
      <c r="B23" s="78"/>
      <c r="C23" s="79"/>
      <c r="D23" s="80"/>
      <c r="E23" s="36" t="s">
        <v>32</v>
      </c>
      <c r="F23" s="37"/>
    </row>
    <row r="24" spans="1:6">
      <c r="A24"/>
      <c r="B24" s="78"/>
      <c r="C24" s="79"/>
      <c r="D24" s="80"/>
      <c r="E24" s="36" t="s">
        <v>33</v>
      </c>
      <c r="F24" s="37"/>
    </row>
    <row r="25" spans="1:6">
      <c r="A25"/>
      <c r="B25" s="78"/>
      <c r="C25" s="79"/>
      <c r="D25" s="80"/>
      <c r="E25" s="36" t="s">
        <v>34</v>
      </c>
      <c r="F25" s="37"/>
    </row>
    <row r="26" spans="1:6">
      <c r="A26"/>
      <c r="B26" s="81" t="s">
        <v>231</v>
      </c>
      <c r="C26" s="82"/>
      <c r="D26" s="83"/>
      <c r="E26" s="18" t="s">
        <v>35</v>
      </c>
      <c r="F26" s="19"/>
    </row>
    <row r="27" spans="1:6">
      <c r="A27"/>
      <c r="B27" s="84"/>
      <c r="C27" s="85"/>
      <c r="D27" s="86"/>
      <c r="E27" s="20" t="s">
        <v>36</v>
      </c>
      <c r="F27" s="21"/>
    </row>
    <row r="28" spans="1:6">
      <c r="A28"/>
      <c r="B28" s="84"/>
      <c r="C28" s="85"/>
      <c r="D28" s="86"/>
      <c r="E28" s="20" t="s">
        <v>37</v>
      </c>
      <c r="F28" s="21"/>
    </row>
    <row r="29" spans="1:6">
      <c r="A29"/>
      <c r="B29" s="84"/>
      <c r="C29" s="85"/>
      <c r="D29" s="86"/>
      <c r="E29" s="23" t="s">
        <v>38</v>
      </c>
      <c r="F29" s="22" t="s">
        <v>39</v>
      </c>
    </row>
    <row r="30" spans="1:6">
      <c r="A30"/>
      <c r="B30" s="84"/>
      <c r="C30" s="85"/>
      <c r="D30" s="86"/>
      <c r="E30" s="20" t="s">
        <v>40</v>
      </c>
      <c r="F30" s="21"/>
    </row>
    <row r="31" spans="1:6">
      <c r="A31"/>
      <c r="B31" s="84"/>
      <c r="C31" s="85"/>
      <c r="D31" s="86"/>
      <c r="E31" s="20" t="s">
        <v>41</v>
      </c>
      <c r="F31" s="21"/>
    </row>
    <row r="32" spans="1:6">
      <c r="A32"/>
      <c r="B32" s="84"/>
      <c r="C32" s="85"/>
      <c r="D32" s="86"/>
      <c r="E32" s="20" t="s">
        <v>42</v>
      </c>
      <c r="F32" s="21"/>
    </row>
    <row r="33" spans="1:6">
      <c r="A33"/>
      <c r="B33" s="84"/>
      <c r="C33" s="85"/>
      <c r="D33" s="86"/>
      <c r="E33" s="18" t="s">
        <v>43</v>
      </c>
      <c r="F33" s="72" t="s">
        <v>44</v>
      </c>
    </row>
    <row r="34" spans="1:6">
      <c r="A34"/>
      <c r="B34" s="84"/>
      <c r="C34" s="85"/>
      <c r="D34" s="86"/>
      <c r="E34" s="20" t="s">
        <v>45</v>
      </c>
      <c r="F34" s="73"/>
    </row>
    <row r="35" spans="1:6">
      <c r="A35"/>
      <c r="B35" s="84"/>
      <c r="C35" s="85"/>
      <c r="D35" s="86"/>
      <c r="E35" s="20" t="s">
        <v>46</v>
      </c>
      <c r="F35" s="73"/>
    </row>
    <row r="36" spans="1:6">
      <c r="A36"/>
      <c r="B36" s="84"/>
      <c r="C36" s="85"/>
      <c r="D36" s="86"/>
      <c r="E36" s="20" t="s">
        <v>47</v>
      </c>
      <c r="F36" s="73"/>
    </row>
    <row r="37" spans="1:6">
      <c r="A37"/>
      <c r="B37" s="84"/>
      <c r="C37" s="85"/>
      <c r="D37" s="86"/>
      <c r="E37" s="20" t="s">
        <v>48</v>
      </c>
      <c r="F37" s="73"/>
    </row>
    <row r="38" spans="1:6">
      <c r="A38"/>
      <c r="B38" s="84"/>
      <c r="C38" s="85"/>
      <c r="D38" s="86"/>
      <c r="E38" s="20" t="s">
        <v>49</v>
      </c>
      <c r="F38" s="73"/>
    </row>
    <row r="39" spans="1:6">
      <c r="A39"/>
      <c r="B39" s="84"/>
      <c r="C39" s="85"/>
      <c r="D39" s="86"/>
      <c r="E39" s="20" t="s">
        <v>50</v>
      </c>
      <c r="F39" s="73"/>
    </row>
    <row r="40" spans="1:6">
      <c r="A40"/>
      <c r="B40" s="84"/>
      <c r="C40" s="85"/>
      <c r="D40" s="86"/>
      <c r="E40" s="20" t="s">
        <v>50</v>
      </c>
      <c r="F40" s="73"/>
    </row>
    <row r="41" spans="1:6">
      <c r="A41"/>
      <c r="B41" s="84"/>
      <c r="C41" s="85"/>
      <c r="D41" s="86"/>
      <c r="E41" s="20" t="s">
        <v>51</v>
      </c>
      <c r="F41" s="73"/>
    </row>
    <row r="42" spans="1:6">
      <c r="A42"/>
      <c r="B42" s="84"/>
      <c r="C42" s="85"/>
      <c r="D42" s="86"/>
      <c r="E42" s="20" t="s">
        <v>51</v>
      </c>
      <c r="F42" s="73"/>
    </row>
    <row r="43" spans="1:6">
      <c r="A43"/>
      <c r="B43" s="84"/>
      <c r="C43" s="85"/>
      <c r="D43" s="86"/>
      <c r="E43" s="20" t="s">
        <v>52</v>
      </c>
      <c r="F43" s="73"/>
    </row>
    <row r="44" spans="1:6">
      <c r="A44"/>
      <c r="B44" s="84"/>
      <c r="C44" s="85"/>
      <c r="D44" s="86"/>
      <c r="E44" s="20" t="s">
        <v>53</v>
      </c>
      <c r="F44" s="73"/>
    </row>
    <row r="45" spans="1:6">
      <c r="A45"/>
      <c r="B45" s="84"/>
      <c r="C45" s="85"/>
      <c r="D45" s="86"/>
      <c r="E45" s="20" t="s">
        <v>54</v>
      </c>
      <c r="F45" s="73"/>
    </row>
    <row r="46" spans="1:6">
      <c r="A46"/>
      <c r="B46" s="84"/>
      <c r="C46" s="85"/>
      <c r="D46" s="86"/>
      <c r="E46" s="20" t="s">
        <v>55</v>
      </c>
      <c r="F46" s="73"/>
    </row>
    <row r="47" spans="1:6">
      <c r="A47"/>
      <c r="B47" s="84"/>
      <c r="C47" s="85"/>
      <c r="D47" s="86"/>
      <c r="E47" s="20" t="s">
        <v>56</v>
      </c>
      <c r="F47" s="73"/>
    </row>
    <row r="48" spans="1:6">
      <c r="A48"/>
      <c r="B48" s="84"/>
      <c r="C48" s="85"/>
      <c r="D48" s="86"/>
      <c r="E48" s="20" t="s">
        <v>57</v>
      </c>
      <c r="F48" s="73"/>
    </row>
    <row r="49" spans="1:6">
      <c r="A49"/>
      <c r="B49" s="84"/>
      <c r="C49" s="85"/>
      <c r="D49" s="86"/>
      <c r="E49" s="20" t="s">
        <v>58</v>
      </c>
      <c r="F49" s="73"/>
    </row>
    <row r="50" spans="1:6">
      <c r="A50"/>
      <c r="B50" s="84"/>
      <c r="C50" s="85"/>
      <c r="D50" s="86"/>
      <c r="E50" s="24" t="s">
        <v>59</v>
      </c>
      <c r="F50" s="74"/>
    </row>
    <row r="51" spans="1:6">
      <c r="A51"/>
      <c r="B51" s="84"/>
      <c r="C51" s="85"/>
      <c r="D51" s="86"/>
      <c r="E51" s="18" t="s">
        <v>43</v>
      </c>
      <c r="F51" s="72" t="s">
        <v>60</v>
      </c>
    </row>
    <row r="52" spans="1:6">
      <c r="A52"/>
      <c r="B52" s="84"/>
      <c r="C52" s="85"/>
      <c r="D52" s="86"/>
      <c r="E52" s="20" t="s">
        <v>45</v>
      </c>
      <c r="F52" s="73"/>
    </row>
    <row r="53" spans="1:6">
      <c r="A53"/>
      <c r="B53" s="84"/>
      <c r="C53" s="85"/>
      <c r="D53" s="86"/>
      <c r="E53" s="20" t="s">
        <v>61</v>
      </c>
      <c r="F53" s="73"/>
    </row>
    <row r="54" spans="1:6">
      <c r="A54"/>
      <c r="B54" s="84"/>
      <c r="C54" s="85"/>
      <c r="D54" s="86"/>
      <c r="E54" s="20" t="s">
        <v>47</v>
      </c>
      <c r="F54" s="73"/>
    </row>
    <row r="55" spans="1:6">
      <c r="A55"/>
      <c r="B55" s="84"/>
      <c r="C55" s="85"/>
      <c r="D55" s="86"/>
      <c r="E55" s="20" t="s">
        <v>62</v>
      </c>
      <c r="F55" s="73"/>
    </row>
    <row r="56" spans="1:6">
      <c r="A56"/>
      <c r="B56" s="84"/>
      <c r="C56" s="85"/>
      <c r="D56" s="86"/>
      <c r="E56" s="20" t="s">
        <v>49</v>
      </c>
      <c r="F56" s="73"/>
    </row>
    <row r="57" spans="1:6">
      <c r="A57"/>
      <c r="B57" s="84"/>
      <c r="C57" s="85"/>
      <c r="D57" s="86"/>
      <c r="E57" s="20" t="s">
        <v>63</v>
      </c>
      <c r="F57" s="73"/>
    </row>
    <row r="58" spans="1:6">
      <c r="A58"/>
      <c r="B58" s="84"/>
      <c r="C58" s="85"/>
      <c r="D58" s="86"/>
      <c r="E58" s="20" t="s">
        <v>64</v>
      </c>
      <c r="F58" s="73"/>
    </row>
    <row r="59" spans="1:6">
      <c r="A59"/>
      <c r="B59" s="84"/>
      <c r="C59" s="85"/>
      <c r="D59" s="86"/>
      <c r="E59" s="20" t="s">
        <v>65</v>
      </c>
      <c r="F59" s="73"/>
    </row>
    <row r="60" spans="1:6">
      <c r="A60"/>
      <c r="B60" s="84"/>
      <c r="C60" s="85"/>
      <c r="D60" s="86"/>
      <c r="E60" s="20" t="s">
        <v>66</v>
      </c>
      <c r="F60" s="73"/>
    </row>
    <row r="61" spans="1:6">
      <c r="A61"/>
      <c r="B61" s="84"/>
      <c r="C61" s="85"/>
      <c r="D61" s="86"/>
      <c r="E61" s="20" t="s">
        <v>55</v>
      </c>
      <c r="F61" s="73"/>
    </row>
    <row r="62" spans="1:6">
      <c r="A62"/>
      <c r="B62" s="84"/>
      <c r="C62" s="85"/>
      <c r="D62" s="86"/>
      <c r="E62" s="20" t="s">
        <v>67</v>
      </c>
      <c r="F62" s="73"/>
    </row>
    <row r="63" spans="1:6">
      <c r="A63"/>
      <c r="B63" s="84"/>
      <c r="C63" s="85"/>
      <c r="D63" s="86"/>
      <c r="E63" s="20" t="s">
        <v>57</v>
      </c>
      <c r="F63" s="73"/>
    </row>
    <row r="64" spans="1:6">
      <c r="A64"/>
      <c r="B64" s="84"/>
      <c r="C64" s="85"/>
      <c r="D64" s="86"/>
      <c r="E64" s="20" t="s">
        <v>58</v>
      </c>
      <c r="F64" s="73"/>
    </row>
    <row r="65" spans="1:6">
      <c r="A65"/>
      <c r="B65" s="84"/>
      <c r="C65" s="85"/>
      <c r="D65" s="86"/>
      <c r="E65" s="24" t="s">
        <v>59</v>
      </c>
      <c r="F65" s="74"/>
    </row>
    <row r="66" spans="1:6">
      <c r="A66"/>
      <c r="B66" s="84"/>
      <c r="C66" s="85"/>
      <c r="D66" s="86"/>
      <c r="E66" s="18" t="s">
        <v>43</v>
      </c>
      <c r="F66" s="72" t="s">
        <v>68</v>
      </c>
    </row>
    <row r="67" spans="1:6">
      <c r="A67"/>
      <c r="B67" s="84"/>
      <c r="C67" s="85"/>
      <c r="D67" s="86"/>
      <c r="E67" s="20" t="s">
        <v>45</v>
      </c>
      <c r="F67" s="73"/>
    </row>
    <row r="68" spans="1:6">
      <c r="A68"/>
      <c r="B68" s="84"/>
      <c r="C68" s="85"/>
      <c r="D68" s="86"/>
      <c r="E68" s="20" t="s">
        <v>69</v>
      </c>
      <c r="F68" s="73"/>
    </row>
    <row r="69" spans="1:6">
      <c r="A69"/>
      <c r="B69" s="84"/>
      <c r="C69" s="85"/>
      <c r="D69" s="86"/>
      <c r="E69" s="20" t="s">
        <v>47</v>
      </c>
      <c r="F69" s="73"/>
    </row>
    <row r="70" spans="1:6">
      <c r="A70"/>
      <c r="B70" s="84"/>
      <c r="C70" s="85"/>
      <c r="D70" s="86"/>
      <c r="E70" s="20" t="s">
        <v>48</v>
      </c>
      <c r="F70" s="73"/>
    </row>
    <row r="71" spans="1:6">
      <c r="A71"/>
      <c r="B71" s="84"/>
      <c r="C71" s="85"/>
      <c r="D71" s="86"/>
      <c r="E71" s="20" t="s">
        <v>49</v>
      </c>
      <c r="F71" s="73"/>
    </row>
    <row r="72" spans="1:6">
      <c r="A72"/>
      <c r="B72" s="84"/>
      <c r="C72" s="85"/>
      <c r="D72" s="86"/>
      <c r="E72" s="20" t="s">
        <v>50</v>
      </c>
      <c r="F72" s="73"/>
    </row>
    <row r="73" spans="1:6">
      <c r="A73"/>
      <c r="B73" s="84"/>
      <c r="C73" s="85"/>
      <c r="D73" s="86"/>
      <c r="E73" s="20" t="s">
        <v>50</v>
      </c>
      <c r="F73" s="73"/>
    </row>
    <row r="74" spans="1:6">
      <c r="A74"/>
      <c r="B74" s="84"/>
      <c r="C74" s="85"/>
      <c r="D74" s="86"/>
      <c r="E74" s="20" t="s">
        <v>51</v>
      </c>
      <c r="F74" s="73"/>
    </row>
    <row r="75" spans="1:6">
      <c r="A75"/>
      <c r="B75" s="84"/>
      <c r="C75" s="85"/>
      <c r="D75" s="86"/>
      <c r="E75" s="20" t="s">
        <v>51</v>
      </c>
      <c r="F75" s="73"/>
    </row>
    <row r="76" spans="1:6">
      <c r="A76"/>
      <c r="B76" s="84"/>
      <c r="C76" s="85"/>
      <c r="D76" s="86"/>
      <c r="E76" s="20" t="s">
        <v>52</v>
      </c>
      <c r="F76" s="73"/>
    </row>
    <row r="77" spans="1:6">
      <c r="A77"/>
      <c r="B77" s="84"/>
      <c r="C77" s="85"/>
      <c r="D77" s="86"/>
      <c r="E77" s="20" t="s">
        <v>53</v>
      </c>
      <c r="F77" s="73"/>
    </row>
    <row r="78" spans="1:6">
      <c r="A78"/>
      <c r="B78" s="84"/>
      <c r="C78" s="85"/>
      <c r="D78" s="86"/>
      <c r="E78" s="20" t="s">
        <v>54</v>
      </c>
      <c r="F78" s="73"/>
    </row>
    <row r="79" spans="1:6">
      <c r="A79"/>
      <c r="B79" s="84"/>
      <c r="C79" s="85"/>
      <c r="D79" s="86"/>
      <c r="E79" s="20" t="s">
        <v>55</v>
      </c>
      <c r="F79" s="73"/>
    </row>
    <row r="80" spans="1:6">
      <c r="A80"/>
      <c r="B80" s="84"/>
      <c r="C80" s="85"/>
      <c r="D80" s="86"/>
      <c r="E80" s="20" t="s">
        <v>56</v>
      </c>
      <c r="F80" s="73"/>
    </row>
    <row r="81" spans="1:6">
      <c r="A81"/>
      <c r="B81" s="84"/>
      <c r="C81" s="85"/>
      <c r="D81" s="86"/>
      <c r="E81" s="20" t="s">
        <v>57</v>
      </c>
      <c r="F81" s="73"/>
    </row>
    <row r="82" spans="1:6">
      <c r="A82"/>
      <c r="B82" s="84"/>
      <c r="C82" s="85"/>
      <c r="D82" s="86"/>
      <c r="E82" s="20" t="s">
        <v>58</v>
      </c>
      <c r="F82" s="73"/>
    </row>
    <row r="83" spans="1:6">
      <c r="A83"/>
      <c r="B83" s="84"/>
      <c r="C83" s="85"/>
      <c r="D83" s="86"/>
      <c r="E83" s="24" t="s">
        <v>59</v>
      </c>
      <c r="F83" s="74"/>
    </row>
    <row r="84" spans="1:6">
      <c r="A84"/>
      <c r="B84" s="84"/>
      <c r="C84" s="85"/>
      <c r="D84" s="86"/>
      <c r="E84" s="20" t="s">
        <v>43</v>
      </c>
      <c r="F84" s="72" t="s">
        <v>70</v>
      </c>
    </row>
    <row r="85" spans="1:6">
      <c r="A85"/>
      <c r="B85" s="84"/>
      <c r="C85" s="85"/>
      <c r="D85" s="86"/>
      <c r="E85" s="20" t="s">
        <v>45</v>
      </c>
      <c r="F85" s="73"/>
    </row>
    <row r="86" spans="1:6">
      <c r="A86"/>
      <c r="B86" s="84"/>
      <c r="C86" s="85"/>
      <c r="D86" s="86"/>
      <c r="E86" s="20" t="s">
        <v>71</v>
      </c>
      <c r="F86" s="73"/>
    </row>
    <row r="87" spans="1:6">
      <c r="A87"/>
      <c r="B87" s="84"/>
      <c r="C87" s="85"/>
      <c r="D87" s="86"/>
      <c r="E87" s="20" t="s">
        <v>47</v>
      </c>
      <c r="F87" s="73"/>
    </row>
    <row r="88" spans="1:6">
      <c r="A88"/>
      <c r="B88" s="84"/>
      <c r="C88" s="85"/>
      <c r="D88" s="86"/>
      <c r="E88" s="20" t="s">
        <v>48</v>
      </c>
      <c r="F88" s="73"/>
    </row>
    <row r="89" spans="1:6">
      <c r="A89"/>
      <c r="B89" s="84"/>
      <c r="C89" s="85"/>
      <c r="D89" s="86"/>
      <c r="E89" s="20" t="s">
        <v>49</v>
      </c>
      <c r="F89" s="73"/>
    </row>
    <row r="90" spans="1:6">
      <c r="A90"/>
      <c r="B90" s="84"/>
      <c r="C90" s="85"/>
      <c r="D90" s="86"/>
      <c r="E90" s="20" t="s">
        <v>50</v>
      </c>
      <c r="F90" s="73"/>
    </row>
    <row r="91" spans="1:6">
      <c r="A91"/>
      <c r="B91" s="84"/>
      <c r="C91" s="85"/>
      <c r="D91" s="86"/>
      <c r="E91" s="20" t="s">
        <v>50</v>
      </c>
      <c r="F91" s="73"/>
    </row>
    <row r="92" spans="1:6">
      <c r="A92"/>
      <c r="B92" s="84"/>
      <c r="C92" s="85"/>
      <c r="D92" s="86"/>
      <c r="E92" s="20" t="s">
        <v>51</v>
      </c>
      <c r="F92" s="73"/>
    </row>
    <row r="93" spans="1:6">
      <c r="A93"/>
      <c r="B93" s="84"/>
      <c r="C93" s="85"/>
      <c r="D93" s="86"/>
      <c r="E93" s="20" t="s">
        <v>51</v>
      </c>
      <c r="F93" s="73"/>
    </row>
    <row r="94" spans="1:6">
      <c r="A94"/>
      <c r="B94" s="84"/>
      <c r="C94" s="85"/>
      <c r="D94" s="86"/>
      <c r="E94" s="20" t="s">
        <v>52</v>
      </c>
      <c r="F94" s="73"/>
    </row>
    <row r="95" spans="1:6">
      <c r="A95"/>
      <c r="B95" s="84"/>
      <c r="C95" s="85"/>
      <c r="D95" s="86"/>
      <c r="E95" s="20" t="s">
        <v>53</v>
      </c>
      <c r="F95" s="73"/>
    </row>
    <row r="96" spans="1:6">
      <c r="A96"/>
      <c r="B96" s="84"/>
      <c r="C96" s="85"/>
      <c r="D96" s="86"/>
      <c r="E96" s="20" t="s">
        <v>54</v>
      </c>
      <c r="F96" s="73"/>
    </row>
    <row r="97" spans="1:6">
      <c r="A97"/>
      <c r="B97" s="84"/>
      <c r="C97" s="85"/>
      <c r="D97" s="86"/>
      <c r="E97" s="20" t="s">
        <v>55</v>
      </c>
      <c r="F97" s="73"/>
    </row>
    <row r="98" spans="1:6">
      <c r="A98"/>
      <c r="B98" s="84"/>
      <c r="C98" s="85"/>
      <c r="D98" s="86"/>
      <c r="E98" s="20" t="s">
        <v>56</v>
      </c>
      <c r="F98" s="73"/>
    </row>
    <row r="99" spans="1:6">
      <c r="A99"/>
      <c r="B99" s="84"/>
      <c r="C99" s="85"/>
      <c r="D99" s="86"/>
      <c r="E99" s="20" t="s">
        <v>57</v>
      </c>
      <c r="F99" s="73"/>
    </row>
    <row r="100" spans="1:6">
      <c r="A100"/>
      <c r="B100" s="84"/>
      <c r="C100" s="85"/>
      <c r="D100" s="86"/>
      <c r="E100" s="20" t="s">
        <v>58</v>
      </c>
      <c r="F100" s="73"/>
    </row>
    <row r="101" spans="1:6">
      <c r="A101"/>
      <c r="B101" s="84"/>
      <c r="C101" s="85"/>
      <c r="D101" s="86"/>
      <c r="E101" s="20" t="s">
        <v>59</v>
      </c>
      <c r="F101" s="74"/>
    </row>
    <row r="102" spans="1:6">
      <c r="A102"/>
      <c r="B102" s="84"/>
      <c r="C102" s="85"/>
      <c r="D102" s="86"/>
      <c r="E102" s="18" t="s">
        <v>43</v>
      </c>
      <c r="F102" s="72" t="s">
        <v>72</v>
      </c>
    </row>
    <row r="103" spans="1:6">
      <c r="A103"/>
      <c r="B103" s="84"/>
      <c r="C103" s="85"/>
      <c r="D103" s="86"/>
      <c r="E103" s="20" t="s">
        <v>45</v>
      </c>
      <c r="F103" s="73"/>
    </row>
    <row r="104" spans="1:6">
      <c r="A104"/>
      <c r="B104" s="84"/>
      <c r="C104" s="85"/>
      <c r="D104" s="86"/>
      <c r="E104" s="20" t="s">
        <v>73</v>
      </c>
      <c r="F104" s="73"/>
    </row>
    <row r="105" spans="1:6">
      <c r="A105"/>
      <c r="B105" s="84"/>
      <c r="C105" s="85"/>
      <c r="D105" s="86"/>
      <c r="E105" s="20" t="s">
        <v>47</v>
      </c>
      <c r="F105" s="73"/>
    </row>
    <row r="106" spans="1:6">
      <c r="A106"/>
      <c r="B106" s="84"/>
      <c r="C106" s="85"/>
      <c r="D106" s="86"/>
      <c r="E106" s="20" t="s">
        <v>74</v>
      </c>
      <c r="F106" s="73"/>
    </row>
    <row r="107" spans="1:6">
      <c r="A107"/>
      <c r="B107" s="84"/>
      <c r="C107" s="85"/>
      <c r="D107" s="86"/>
      <c r="E107" s="20" t="s">
        <v>49</v>
      </c>
      <c r="F107" s="73"/>
    </row>
    <row r="108" spans="1:6">
      <c r="A108"/>
      <c r="B108" s="84"/>
      <c r="C108" s="85"/>
      <c r="D108" s="86"/>
      <c r="E108" s="20" t="s">
        <v>75</v>
      </c>
      <c r="F108" s="73"/>
    </row>
    <row r="109" spans="1:6">
      <c r="A109"/>
      <c r="B109" s="84"/>
      <c r="C109" s="85"/>
      <c r="D109" s="86"/>
      <c r="E109" s="20" t="s">
        <v>51</v>
      </c>
      <c r="F109" s="73"/>
    </row>
    <row r="110" spans="1:6">
      <c r="A110"/>
      <c r="B110" s="84"/>
      <c r="C110" s="85"/>
      <c r="D110" s="86"/>
      <c r="E110" s="20" t="s">
        <v>51</v>
      </c>
      <c r="F110" s="73"/>
    </row>
    <row r="111" spans="1:6">
      <c r="A111"/>
      <c r="B111" s="84"/>
      <c r="C111" s="85"/>
      <c r="D111" s="86"/>
      <c r="E111" s="20" t="s">
        <v>51</v>
      </c>
      <c r="F111" s="73"/>
    </row>
    <row r="112" spans="1:6">
      <c r="A112"/>
      <c r="B112" s="84"/>
      <c r="C112" s="85"/>
      <c r="D112" s="86"/>
      <c r="E112" s="20" t="s">
        <v>76</v>
      </c>
      <c r="F112" s="73"/>
    </row>
    <row r="113" spans="1:6">
      <c r="A113"/>
      <c r="B113" s="84"/>
      <c r="C113" s="85"/>
      <c r="D113" s="86"/>
      <c r="E113" s="20" t="s">
        <v>77</v>
      </c>
      <c r="F113" s="73"/>
    </row>
    <row r="114" spans="1:6">
      <c r="A114"/>
      <c r="B114" s="84"/>
      <c r="C114" s="85"/>
      <c r="D114" s="86"/>
      <c r="E114" s="20" t="s">
        <v>55</v>
      </c>
      <c r="F114" s="73"/>
    </row>
    <row r="115" spans="1:6">
      <c r="A115"/>
      <c r="B115" s="84"/>
      <c r="C115" s="85"/>
      <c r="D115" s="86"/>
      <c r="E115" s="20" t="s">
        <v>56</v>
      </c>
      <c r="F115" s="73"/>
    </row>
    <row r="116" spans="1:6">
      <c r="A116"/>
      <c r="B116" s="84"/>
      <c r="C116" s="85"/>
      <c r="D116" s="86"/>
      <c r="E116" s="20" t="s">
        <v>57</v>
      </c>
      <c r="F116" s="73"/>
    </row>
    <row r="117" spans="1:6">
      <c r="A117"/>
      <c r="B117" s="84"/>
      <c r="C117" s="85"/>
      <c r="D117" s="86"/>
      <c r="E117" s="20" t="s">
        <v>58</v>
      </c>
      <c r="F117" s="73"/>
    </row>
    <row r="118" spans="1:6">
      <c r="A118"/>
      <c r="B118" s="84"/>
      <c r="C118" s="85"/>
      <c r="D118" s="86"/>
      <c r="E118" s="24" t="s">
        <v>59</v>
      </c>
      <c r="F118" s="74"/>
    </row>
    <row r="119" spans="1:6">
      <c r="A119"/>
      <c r="B119" s="84"/>
      <c r="C119" s="85"/>
      <c r="D119" s="86"/>
      <c r="E119" s="18" t="s">
        <v>78</v>
      </c>
      <c r="F119" s="72" t="s">
        <v>79</v>
      </c>
    </row>
    <row r="120" spans="1:6">
      <c r="A120"/>
      <c r="B120" s="84"/>
      <c r="C120" s="85"/>
      <c r="D120" s="86"/>
      <c r="E120" s="20" t="s">
        <v>45</v>
      </c>
      <c r="F120" s="73"/>
    </row>
    <row r="121" spans="1:6">
      <c r="A121"/>
      <c r="B121" s="84"/>
      <c r="C121" s="85"/>
      <c r="D121" s="86"/>
      <c r="E121" s="20" t="s">
        <v>80</v>
      </c>
      <c r="F121" s="73"/>
    </row>
    <row r="122" spans="1:6">
      <c r="A122"/>
      <c r="B122" s="84"/>
      <c r="C122" s="85"/>
      <c r="D122" s="86"/>
      <c r="E122" s="20" t="s">
        <v>47</v>
      </c>
      <c r="F122" s="73"/>
    </row>
    <row r="123" spans="1:6">
      <c r="A123"/>
      <c r="B123" s="84"/>
      <c r="C123" s="85"/>
      <c r="D123" s="86"/>
      <c r="E123" s="20" t="s">
        <v>48</v>
      </c>
      <c r="F123" s="73"/>
    </row>
    <row r="124" spans="1:6">
      <c r="A124"/>
      <c r="B124" s="84"/>
      <c r="C124" s="85"/>
      <c r="D124" s="86"/>
      <c r="E124" s="20" t="s">
        <v>49</v>
      </c>
      <c r="F124" s="73"/>
    </row>
    <row r="125" spans="1:6">
      <c r="A125"/>
      <c r="B125" s="84"/>
      <c r="C125" s="85"/>
      <c r="D125" s="86"/>
      <c r="E125" s="20" t="s">
        <v>50</v>
      </c>
      <c r="F125" s="73"/>
    </row>
    <row r="126" spans="1:6">
      <c r="A126"/>
      <c r="B126" s="84"/>
      <c r="C126" s="85"/>
      <c r="D126" s="86"/>
      <c r="E126" s="20" t="s">
        <v>50</v>
      </c>
      <c r="F126" s="73"/>
    </row>
    <row r="127" spans="1:6">
      <c r="A127"/>
      <c r="B127" s="84"/>
      <c r="C127" s="85"/>
      <c r="D127" s="86"/>
      <c r="E127" s="20" t="s">
        <v>51</v>
      </c>
      <c r="F127" s="73"/>
    </row>
    <row r="128" spans="1:6">
      <c r="A128"/>
      <c r="B128" s="84"/>
      <c r="C128" s="85"/>
      <c r="D128" s="86"/>
      <c r="E128" s="20" t="s">
        <v>51</v>
      </c>
      <c r="F128" s="73"/>
    </row>
    <row r="129" spans="1:6">
      <c r="A129"/>
      <c r="B129" s="84"/>
      <c r="C129" s="85"/>
      <c r="D129" s="86"/>
      <c r="E129" s="20" t="s">
        <v>52</v>
      </c>
      <c r="F129" s="73"/>
    </row>
    <row r="130" spans="1:6">
      <c r="A130"/>
      <c r="B130" s="84"/>
      <c r="C130" s="85"/>
      <c r="D130" s="86"/>
      <c r="E130" s="20" t="s">
        <v>53</v>
      </c>
      <c r="F130" s="73"/>
    </row>
    <row r="131" spans="1:6">
      <c r="A131"/>
      <c r="B131" s="84"/>
      <c r="C131" s="85"/>
      <c r="D131" s="86"/>
      <c r="E131" s="20" t="s">
        <v>54</v>
      </c>
      <c r="F131" s="73"/>
    </row>
    <row r="132" spans="1:6">
      <c r="A132"/>
      <c r="B132" s="84"/>
      <c r="C132" s="85"/>
      <c r="D132" s="86"/>
      <c r="E132" s="20" t="s">
        <v>55</v>
      </c>
      <c r="F132" s="73"/>
    </row>
    <row r="133" spans="1:6">
      <c r="A133"/>
      <c r="B133" s="84"/>
      <c r="C133" s="85"/>
      <c r="D133" s="86"/>
      <c r="E133" s="20" t="s">
        <v>56</v>
      </c>
      <c r="F133" s="73"/>
    </row>
    <row r="134" spans="1:6">
      <c r="A134"/>
      <c r="B134" s="84"/>
      <c r="C134" s="85"/>
      <c r="D134" s="86"/>
      <c r="E134" s="20" t="s">
        <v>57</v>
      </c>
      <c r="F134" s="73"/>
    </row>
    <row r="135" spans="1:6">
      <c r="A135"/>
      <c r="B135" s="84"/>
      <c r="C135" s="85"/>
      <c r="D135" s="86"/>
      <c r="E135" s="24" t="s">
        <v>58</v>
      </c>
      <c r="F135" s="74"/>
    </row>
    <row r="136" spans="1:6">
      <c r="A136"/>
      <c r="B136" s="84"/>
      <c r="C136" s="85"/>
      <c r="D136" s="86"/>
      <c r="E136" s="18" t="s">
        <v>45</v>
      </c>
      <c r="F136" s="72" t="s">
        <v>81</v>
      </c>
    </row>
    <row r="137" spans="1:6">
      <c r="A137"/>
      <c r="B137" s="84"/>
      <c r="C137" s="85"/>
      <c r="D137" s="86"/>
      <c r="E137" s="20" t="s">
        <v>82</v>
      </c>
      <c r="F137" s="73"/>
    </row>
    <row r="138" spans="1:6">
      <c r="A138"/>
      <c r="B138" s="84"/>
      <c r="C138" s="85"/>
      <c r="D138" s="86"/>
      <c r="E138" s="20" t="s">
        <v>47</v>
      </c>
      <c r="F138" s="73"/>
    </row>
    <row r="139" spans="1:6">
      <c r="A139"/>
      <c r="B139" s="84"/>
      <c r="C139" s="85"/>
      <c r="D139" s="86"/>
      <c r="E139" s="20" t="s">
        <v>83</v>
      </c>
      <c r="F139" s="73"/>
    </row>
    <row r="140" spans="1:6">
      <c r="A140"/>
      <c r="B140" s="84"/>
      <c r="C140" s="85"/>
      <c r="D140" s="86"/>
      <c r="E140" s="20" t="s">
        <v>49</v>
      </c>
      <c r="F140" s="73"/>
    </row>
    <row r="141" spans="1:6">
      <c r="A141"/>
      <c r="B141" s="84"/>
      <c r="C141" s="85"/>
      <c r="D141" s="86"/>
      <c r="E141" s="20" t="s">
        <v>84</v>
      </c>
      <c r="F141" s="73"/>
    </row>
    <row r="142" spans="1:6">
      <c r="A142"/>
      <c r="B142" s="84"/>
      <c r="C142" s="85"/>
      <c r="D142" s="86"/>
      <c r="E142" s="20" t="s">
        <v>64</v>
      </c>
      <c r="F142" s="73"/>
    </row>
    <row r="143" spans="1:6">
      <c r="A143"/>
      <c r="B143" s="84"/>
      <c r="C143" s="85"/>
      <c r="D143" s="86"/>
      <c r="E143" s="20" t="s">
        <v>65</v>
      </c>
      <c r="F143" s="73"/>
    </row>
    <row r="144" spans="1:6">
      <c r="A144"/>
      <c r="B144" s="84"/>
      <c r="C144" s="85"/>
      <c r="D144" s="86"/>
      <c r="E144" s="20" t="s">
        <v>85</v>
      </c>
      <c r="F144" s="73"/>
    </row>
    <row r="145" spans="1:6">
      <c r="A145"/>
      <c r="B145" s="84"/>
      <c r="C145" s="85"/>
      <c r="D145" s="86"/>
      <c r="E145" s="20" t="s">
        <v>55</v>
      </c>
      <c r="F145" s="73"/>
    </row>
    <row r="146" spans="1:6">
      <c r="A146"/>
      <c r="B146" s="84"/>
      <c r="C146" s="85"/>
      <c r="D146" s="86"/>
      <c r="E146" s="20" t="s">
        <v>86</v>
      </c>
      <c r="F146" s="73"/>
    </row>
    <row r="147" spans="1:6">
      <c r="A147"/>
      <c r="B147" s="84"/>
      <c r="C147" s="85"/>
      <c r="D147" s="86"/>
      <c r="E147" s="20" t="s">
        <v>57</v>
      </c>
      <c r="F147" s="73"/>
    </row>
    <row r="148" spans="1:6">
      <c r="A148"/>
      <c r="B148" s="84"/>
      <c r="C148" s="85"/>
      <c r="D148" s="86"/>
      <c r="E148" s="24" t="s">
        <v>58</v>
      </c>
      <c r="F148" s="74"/>
    </row>
    <row r="149" spans="1:6">
      <c r="A149"/>
      <c r="B149" s="84"/>
      <c r="C149" s="85"/>
      <c r="D149" s="86"/>
      <c r="E149" s="20" t="s">
        <v>87</v>
      </c>
      <c r="F149" s="21"/>
    </row>
    <row r="150" spans="1:6">
      <c r="A150"/>
      <c r="B150" s="84"/>
      <c r="C150" s="85"/>
      <c r="D150" s="86"/>
      <c r="E150" s="18" t="s">
        <v>88</v>
      </c>
      <c r="F150" s="72" t="s">
        <v>89</v>
      </c>
    </row>
    <row r="151" spans="1:6">
      <c r="A151"/>
      <c r="B151" s="84"/>
      <c r="C151" s="85"/>
      <c r="D151" s="86"/>
      <c r="E151" s="20" t="s">
        <v>90</v>
      </c>
      <c r="F151" s="73"/>
    </row>
    <row r="152" spans="1:6">
      <c r="A152"/>
      <c r="B152" s="84"/>
      <c r="C152" s="85"/>
      <c r="D152" s="86"/>
      <c r="E152" s="20" t="s">
        <v>91</v>
      </c>
      <c r="F152" s="73"/>
    </row>
    <row r="153" spans="1:6">
      <c r="A153"/>
      <c r="B153" s="84"/>
      <c r="C153" s="85"/>
      <c r="D153" s="86"/>
      <c r="E153" s="20" t="s">
        <v>92</v>
      </c>
      <c r="F153" s="73"/>
    </row>
    <row r="154" spans="1:6">
      <c r="A154"/>
      <c r="B154" s="84"/>
      <c r="C154" s="85"/>
      <c r="D154" s="86"/>
      <c r="E154" s="20" t="s">
        <v>93</v>
      </c>
      <c r="F154" s="73"/>
    </row>
    <row r="155" spans="1:6">
      <c r="A155"/>
      <c r="B155" s="84"/>
      <c r="C155" s="85"/>
      <c r="D155" s="86"/>
      <c r="E155" s="20" t="s">
        <v>94</v>
      </c>
      <c r="F155" s="73"/>
    </row>
    <row r="156" spans="1:6">
      <c r="A156"/>
      <c r="B156" s="84"/>
      <c r="C156" s="85"/>
      <c r="D156" s="86"/>
      <c r="E156" s="24" t="s">
        <v>95</v>
      </c>
      <c r="F156" s="74"/>
    </row>
    <row r="157" spans="1:6">
      <c r="A157"/>
      <c r="B157" s="84"/>
      <c r="C157" s="85"/>
      <c r="D157" s="86"/>
      <c r="E157" s="18" t="s">
        <v>96</v>
      </c>
      <c r="F157" s="72" t="s">
        <v>97</v>
      </c>
    </row>
    <row r="158" spans="1:6">
      <c r="A158"/>
      <c r="B158" s="84"/>
      <c r="C158" s="85"/>
      <c r="D158" s="86"/>
      <c r="E158" s="20" t="s">
        <v>98</v>
      </c>
      <c r="F158" s="73"/>
    </row>
    <row r="159" spans="1:6">
      <c r="A159"/>
      <c r="B159" s="84"/>
      <c r="C159" s="85"/>
      <c r="D159" s="86"/>
      <c r="E159" s="20" t="s">
        <v>96</v>
      </c>
      <c r="F159" s="73"/>
    </row>
    <row r="160" spans="1:6">
      <c r="A160"/>
      <c r="B160" s="84"/>
      <c r="C160" s="85"/>
      <c r="D160" s="86"/>
      <c r="E160" s="20" t="s">
        <v>99</v>
      </c>
      <c r="F160" s="73"/>
    </row>
    <row r="161" spans="1:6">
      <c r="A161"/>
      <c r="B161" s="84"/>
      <c r="C161" s="85"/>
      <c r="D161" s="86"/>
      <c r="E161" s="20" t="s">
        <v>96</v>
      </c>
      <c r="F161" s="73"/>
    </row>
    <row r="162" spans="1:6">
      <c r="A162"/>
      <c r="B162" s="84"/>
      <c r="C162" s="85"/>
      <c r="D162" s="86"/>
      <c r="E162" s="20" t="s">
        <v>100</v>
      </c>
      <c r="F162" s="73"/>
    </row>
    <row r="163" spans="1:6">
      <c r="A163"/>
      <c r="B163" s="84"/>
      <c r="C163" s="85"/>
      <c r="D163" s="86"/>
      <c r="E163" s="24" t="s">
        <v>101</v>
      </c>
      <c r="F163" s="74"/>
    </row>
    <row r="164" spans="1:6">
      <c r="A164"/>
      <c r="B164" s="84"/>
      <c r="C164" s="85"/>
      <c r="D164" s="86"/>
      <c r="E164" s="20" t="s">
        <v>102</v>
      </c>
      <c r="F164" s="21"/>
    </row>
    <row r="165" spans="1:6">
      <c r="A165"/>
      <c r="B165" s="84"/>
      <c r="C165" s="85"/>
      <c r="D165" s="86"/>
      <c r="E165" s="20" t="s">
        <v>103</v>
      </c>
      <c r="F165" s="21"/>
    </row>
    <row r="166" spans="1:6">
      <c r="A166"/>
      <c r="B166" s="84"/>
      <c r="C166" s="85"/>
      <c r="D166" s="86"/>
      <c r="E166" s="20" t="s">
        <v>104</v>
      </c>
      <c r="F166" s="21"/>
    </row>
    <row r="167" spans="1:6">
      <c r="A167"/>
      <c r="B167" s="84"/>
      <c r="C167" s="85"/>
      <c r="D167" s="86"/>
      <c r="E167" s="20" t="s">
        <v>105</v>
      </c>
      <c r="F167" s="21"/>
    </row>
    <row r="168" spans="1:6">
      <c r="A168"/>
      <c r="B168" s="84"/>
      <c r="C168" s="85"/>
      <c r="D168" s="86"/>
      <c r="E168" s="20" t="s">
        <v>106</v>
      </c>
      <c r="F168" s="21"/>
    </row>
    <row r="169" spans="1:6">
      <c r="A169"/>
      <c r="B169" s="84"/>
      <c r="C169" s="85"/>
      <c r="D169" s="86"/>
      <c r="E169" s="18" t="s">
        <v>107</v>
      </c>
      <c r="F169" s="19"/>
    </row>
    <row r="170" spans="1:6">
      <c r="A170"/>
      <c r="B170" s="84"/>
      <c r="C170" s="85"/>
      <c r="D170" s="86"/>
      <c r="E170" s="20" t="s">
        <v>108</v>
      </c>
      <c r="F170" s="21"/>
    </row>
    <row r="171" spans="1:6">
      <c r="A171"/>
      <c r="B171" s="84"/>
      <c r="C171" s="85"/>
      <c r="D171" s="86"/>
      <c r="E171" s="23" t="s">
        <v>109</v>
      </c>
      <c r="F171" s="22" t="s">
        <v>110</v>
      </c>
    </row>
    <row r="172" spans="1:6">
      <c r="A172"/>
      <c r="B172" s="84"/>
      <c r="C172" s="85"/>
      <c r="D172" s="86"/>
      <c r="E172" s="23" t="s">
        <v>111</v>
      </c>
      <c r="F172" s="22" t="s">
        <v>112</v>
      </c>
    </row>
    <row r="173" spans="1:6">
      <c r="A173"/>
      <c r="B173" s="84"/>
      <c r="C173" s="85"/>
      <c r="D173" s="86"/>
      <c r="E173" s="20" t="s">
        <v>113</v>
      </c>
      <c r="F173" s="21"/>
    </row>
    <row r="174" spans="1:6">
      <c r="A174"/>
      <c r="B174" s="87"/>
      <c r="C174" s="88"/>
      <c r="D174" s="89"/>
      <c r="E174" s="24" t="s">
        <v>114</v>
      </c>
      <c r="F174" s="25"/>
    </row>
    <row r="175" spans="1:6" ht="46.5" customHeight="1">
      <c r="A175"/>
      <c r="B175" s="90" t="s">
        <v>232</v>
      </c>
      <c r="C175" s="90" t="s">
        <v>233</v>
      </c>
      <c r="D175" s="103"/>
      <c r="E175" s="28" t="s">
        <v>115</v>
      </c>
      <c r="F175" s="29" t="s">
        <v>116</v>
      </c>
    </row>
    <row r="176" spans="1:6">
      <c r="A176"/>
      <c r="B176" s="91"/>
      <c r="C176" s="91"/>
      <c r="D176" s="104"/>
      <c r="E176" s="28" t="s">
        <v>117</v>
      </c>
      <c r="F176" s="29" t="s">
        <v>118</v>
      </c>
    </row>
    <row r="177" spans="1:6">
      <c r="A177"/>
      <c r="B177" s="91"/>
      <c r="C177" s="91"/>
      <c r="D177" s="93" t="s">
        <v>235</v>
      </c>
      <c r="E177" s="26" t="s">
        <v>119</v>
      </c>
      <c r="F177" s="27"/>
    </row>
    <row r="178" spans="1:6">
      <c r="A178"/>
      <c r="B178" s="91"/>
      <c r="C178" s="91"/>
      <c r="D178" s="94"/>
      <c r="E178" s="28" t="s">
        <v>120</v>
      </c>
      <c r="F178" s="29" t="s">
        <v>121</v>
      </c>
    </row>
    <row r="179" spans="1:6">
      <c r="A179"/>
      <c r="B179" s="91"/>
      <c r="C179" s="91"/>
      <c r="D179" s="95"/>
      <c r="E179" s="26" t="s">
        <v>122</v>
      </c>
      <c r="F179" s="27"/>
    </row>
    <row r="180" spans="1:6">
      <c r="A180"/>
      <c r="B180" s="91"/>
      <c r="C180" s="91"/>
      <c r="D180" s="90" t="s">
        <v>236</v>
      </c>
      <c r="E180" s="28" t="s">
        <v>123</v>
      </c>
      <c r="F180" s="29" t="s">
        <v>124</v>
      </c>
    </row>
    <row r="181" spans="1:6">
      <c r="A181"/>
      <c r="B181" s="91"/>
      <c r="C181" s="91"/>
      <c r="D181" s="91"/>
      <c r="E181" s="28" t="s">
        <v>125</v>
      </c>
      <c r="F181" s="29" t="s">
        <v>118</v>
      </c>
    </row>
    <row r="182" spans="1:6">
      <c r="A182"/>
      <c r="B182" s="91"/>
      <c r="C182" s="91"/>
      <c r="D182" s="91"/>
      <c r="E182" s="26" t="s">
        <v>126</v>
      </c>
      <c r="F182" s="27"/>
    </row>
    <row r="183" spans="1:6">
      <c r="A183"/>
      <c r="B183" s="91"/>
      <c r="C183" s="91"/>
      <c r="D183" s="92"/>
      <c r="E183" s="26" t="s">
        <v>127</v>
      </c>
      <c r="F183" s="27"/>
    </row>
    <row r="184" spans="1:6">
      <c r="A184"/>
      <c r="B184" s="91"/>
      <c r="C184" s="91"/>
      <c r="D184" s="90" t="s">
        <v>237</v>
      </c>
      <c r="E184" s="28" t="s">
        <v>128</v>
      </c>
      <c r="F184" s="29" t="s">
        <v>129</v>
      </c>
    </row>
    <row r="185" spans="1:6">
      <c r="A185"/>
      <c r="B185" s="91"/>
      <c r="C185" s="91"/>
      <c r="D185" s="91"/>
      <c r="E185" s="26" t="s">
        <v>130</v>
      </c>
      <c r="F185" s="27"/>
    </row>
    <row r="186" spans="1:6">
      <c r="A186"/>
      <c r="B186" s="91"/>
      <c r="C186" s="91"/>
      <c r="D186" s="91"/>
      <c r="E186" s="28" t="s">
        <v>131</v>
      </c>
      <c r="F186" s="29" t="s">
        <v>132</v>
      </c>
    </row>
    <row r="187" spans="1:6">
      <c r="A187"/>
      <c r="B187" s="91"/>
      <c r="C187" s="91"/>
      <c r="D187" s="91"/>
      <c r="E187" s="26" t="s">
        <v>133</v>
      </c>
      <c r="F187" s="27"/>
    </row>
    <row r="188" spans="1:6">
      <c r="A188"/>
      <c r="B188" s="91"/>
      <c r="C188" s="91"/>
      <c r="D188" s="91"/>
      <c r="E188" s="28" t="s">
        <v>134</v>
      </c>
      <c r="F188" s="29" t="s">
        <v>135</v>
      </c>
    </row>
    <row r="189" spans="1:6">
      <c r="A189"/>
      <c r="B189" s="91"/>
      <c r="C189" s="91"/>
      <c r="D189" s="91"/>
      <c r="E189" s="28" t="s">
        <v>136</v>
      </c>
      <c r="F189" s="29" t="s">
        <v>137</v>
      </c>
    </row>
    <row r="190" spans="1:6">
      <c r="A190"/>
      <c r="B190" s="91"/>
      <c r="C190" s="91"/>
      <c r="D190" s="92"/>
      <c r="E190" s="26" t="s">
        <v>138</v>
      </c>
      <c r="F190" s="27"/>
    </row>
    <row r="191" spans="1:6">
      <c r="A191"/>
      <c r="B191" s="91"/>
      <c r="C191" s="91"/>
      <c r="D191" s="93" t="s">
        <v>244</v>
      </c>
      <c r="E191" s="30" t="s">
        <v>139</v>
      </c>
      <c r="F191" s="48"/>
    </row>
    <row r="192" spans="1:6">
      <c r="A192"/>
      <c r="B192" s="91"/>
      <c r="C192" s="91"/>
      <c r="D192" s="94"/>
      <c r="E192" s="26" t="s">
        <v>140</v>
      </c>
      <c r="F192" s="27" t="s">
        <v>238</v>
      </c>
    </row>
    <row r="193" spans="1:6">
      <c r="A193"/>
      <c r="B193" s="91"/>
      <c r="C193" s="91"/>
      <c r="D193" s="94"/>
      <c r="E193" s="31" t="s">
        <v>141</v>
      </c>
      <c r="F193" s="49"/>
    </row>
    <row r="194" spans="1:6">
      <c r="A194"/>
      <c r="B194" s="91"/>
      <c r="C194" s="91"/>
      <c r="D194" s="93" t="s">
        <v>245</v>
      </c>
      <c r="E194" s="30" t="s">
        <v>142</v>
      </c>
      <c r="F194" s="48"/>
    </row>
    <row r="195" spans="1:6">
      <c r="A195"/>
      <c r="B195" s="91"/>
      <c r="C195" s="91"/>
      <c r="D195" s="94"/>
      <c r="E195" s="26" t="s">
        <v>140</v>
      </c>
      <c r="F195" s="27" t="s">
        <v>239</v>
      </c>
    </row>
    <row r="196" spans="1:6">
      <c r="A196"/>
      <c r="B196" s="91"/>
      <c r="C196" s="91"/>
      <c r="D196" s="95"/>
      <c r="E196" s="31" t="s">
        <v>143</v>
      </c>
      <c r="F196" s="49"/>
    </row>
    <row r="197" spans="1:6">
      <c r="A197"/>
      <c r="B197" s="91"/>
      <c r="C197" s="91"/>
      <c r="D197" s="93" t="s">
        <v>246</v>
      </c>
      <c r="E197" s="30" t="s">
        <v>144</v>
      </c>
      <c r="F197" s="48"/>
    </row>
    <row r="198" spans="1:6">
      <c r="A198"/>
      <c r="B198" s="91"/>
      <c r="C198" s="91"/>
      <c r="D198" s="94"/>
      <c r="E198" s="26" t="s">
        <v>140</v>
      </c>
      <c r="F198" s="27" t="s">
        <v>240</v>
      </c>
    </row>
    <row r="199" spans="1:6">
      <c r="A199"/>
      <c r="B199" s="91"/>
      <c r="C199" s="91"/>
      <c r="D199" s="95"/>
      <c r="E199" s="31" t="s">
        <v>145</v>
      </c>
      <c r="F199" s="49"/>
    </row>
    <row r="200" spans="1:6">
      <c r="A200"/>
      <c r="B200" s="91"/>
      <c r="C200" s="92"/>
      <c r="D200" s="104"/>
      <c r="E200" s="26" t="s">
        <v>146</v>
      </c>
      <c r="F200" s="27"/>
    </row>
    <row r="201" spans="1:6">
      <c r="A201"/>
      <c r="B201" s="91"/>
      <c r="C201" s="104"/>
      <c r="D201" s="104"/>
      <c r="E201" s="26" t="s">
        <v>147</v>
      </c>
      <c r="F201" s="27"/>
    </row>
    <row r="202" spans="1:6" ht="18" customHeight="1">
      <c r="A202"/>
      <c r="B202" s="91"/>
      <c r="C202" s="90" t="s">
        <v>234</v>
      </c>
      <c r="D202" s="104"/>
      <c r="E202" s="26" t="s">
        <v>148</v>
      </c>
      <c r="F202" s="27"/>
    </row>
    <row r="203" spans="1:6">
      <c r="A203"/>
      <c r="B203" s="91"/>
      <c r="C203" s="91"/>
      <c r="D203" s="93" t="s">
        <v>244</v>
      </c>
      <c r="E203" s="30" t="s">
        <v>149</v>
      </c>
      <c r="F203" s="48"/>
    </row>
    <row r="204" spans="1:6">
      <c r="A204"/>
      <c r="B204" s="91"/>
      <c r="C204" s="91"/>
      <c r="D204" s="94"/>
      <c r="E204" s="26" t="s">
        <v>150</v>
      </c>
      <c r="F204" s="27" t="s">
        <v>238</v>
      </c>
    </row>
    <row r="205" spans="1:6">
      <c r="A205"/>
      <c r="B205" s="91"/>
      <c r="C205" s="91"/>
      <c r="D205" s="95"/>
      <c r="E205" s="31" t="s">
        <v>151</v>
      </c>
      <c r="F205" s="49"/>
    </row>
    <row r="206" spans="1:6">
      <c r="A206"/>
      <c r="B206" s="91"/>
      <c r="C206" s="91"/>
      <c r="D206" s="93" t="s">
        <v>247</v>
      </c>
      <c r="E206" s="30" t="s">
        <v>152</v>
      </c>
      <c r="F206" s="32"/>
    </row>
    <row r="207" spans="1:6">
      <c r="A207"/>
      <c r="B207" s="91"/>
      <c r="C207" s="91"/>
      <c r="D207" s="94"/>
      <c r="E207" s="26" t="s">
        <v>263</v>
      </c>
      <c r="F207" s="27" t="s">
        <v>259</v>
      </c>
    </row>
    <row r="208" spans="1:6">
      <c r="A208"/>
      <c r="B208" s="91"/>
      <c r="C208" s="91"/>
      <c r="D208" s="94"/>
      <c r="E208" s="26" t="s">
        <v>264</v>
      </c>
      <c r="F208" s="27" t="s">
        <v>260</v>
      </c>
    </row>
    <row r="209" spans="1:6">
      <c r="A209"/>
      <c r="B209" s="91"/>
      <c r="C209" s="91"/>
      <c r="D209" s="94"/>
      <c r="E209" s="26" t="s">
        <v>265</v>
      </c>
      <c r="F209" s="27"/>
    </row>
    <row r="210" spans="1:6">
      <c r="A210"/>
      <c r="B210" s="91"/>
      <c r="C210" s="91"/>
      <c r="D210" s="94"/>
      <c r="E210" s="26" t="s">
        <v>266</v>
      </c>
      <c r="F210" s="27" t="s">
        <v>272</v>
      </c>
    </row>
    <row r="211" spans="1:6">
      <c r="A211"/>
      <c r="B211" s="91"/>
      <c r="C211" s="91"/>
      <c r="D211" s="94"/>
      <c r="E211" s="26" t="s">
        <v>267</v>
      </c>
      <c r="F211" s="27" t="s">
        <v>262</v>
      </c>
    </row>
    <row r="212" spans="1:6">
      <c r="A212"/>
      <c r="B212" s="91"/>
      <c r="C212" s="91"/>
      <c r="D212" s="94"/>
      <c r="E212" s="26" t="s">
        <v>268</v>
      </c>
      <c r="F212" s="27" t="s">
        <v>273</v>
      </c>
    </row>
    <row r="213" spans="1:6">
      <c r="A213"/>
      <c r="B213" s="91"/>
      <c r="C213" s="91"/>
      <c r="D213" s="94"/>
      <c r="E213" s="26" t="s">
        <v>221</v>
      </c>
      <c r="F213" s="27"/>
    </row>
    <row r="214" spans="1:6">
      <c r="A214"/>
      <c r="B214" s="91"/>
      <c r="C214" s="91"/>
      <c r="D214" s="94"/>
      <c r="E214" s="26" t="s">
        <v>269</v>
      </c>
      <c r="F214" s="27" t="s">
        <v>274</v>
      </c>
    </row>
    <row r="215" spans="1:6">
      <c r="A215"/>
      <c r="B215" s="91"/>
      <c r="C215" s="91"/>
      <c r="D215" s="94"/>
      <c r="E215" s="26" t="s">
        <v>223</v>
      </c>
      <c r="F215" s="27"/>
    </row>
    <row r="216" spans="1:6">
      <c r="A216"/>
      <c r="B216" s="91"/>
      <c r="C216" s="91"/>
      <c r="D216" s="94"/>
      <c r="E216" s="26" t="s">
        <v>224</v>
      </c>
      <c r="F216" s="27"/>
    </row>
    <row r="217" spans="1:6">
      <c r="A217"/>
      <c r="B217" s="91"/>
      <c r="C217" s="91"/>
      <c r="D217" s="94"/>
      <c r="E217" s="26" t="s">
        <v>270</v>
      </c>
      <c r="F217" s="27" t="s">
        <v>261</v>
      </c>
    </row>
    <row r="218" spans="1:6">
      <c r="A218"/>
      <c r="B218" s="91"/>
      <c r="C218" s="91"/>
      <c r="D218" s="94"/>
      <c r="E218" s="26" t="s">
        <v>226</v>
      </c>
      <c r="F218" s="27"/>
    </row>
    <row r="219" spans="1:6">
      <c r="A219"/>
      <c r="B219" s="91"/>
      <c r="C219" s="91"/>
      <c r="D219" s="94"/>
      <c r="E219" s="26" t="s">
        <v>271</v>
      </c>
      <c r="F219" s="27" t="s">
        <v>241</v>
      </c>
    </row>
    <row r="220" spans="1:6">
      <c r="A220"/>
      <c r="B220" s="91"/>
      <c r="C220" s="91"/>
      <c r="D220" s="94"/>
      <c r="E220" s="26" t="s">
        <v>228</v>
      </c>
      <c r="F220" s="27"/>
    </row>
    <row r="221" spans="1:6">
      <c r="A221"/>
      <c r="B221" s="91"/>
      <c r="C221" s="91"/>
      <c r="D221" s="95"/>
      <c r="E221" s="31" t="s">
        <v>153</v>
      </c>
      <c r="F221" s="33"/>
    </row>
    <row r="222" spans="1:6">
      <c r="A222"/>
      <c r="B222" s="91"/>
      <c r="C222" s="91"/>
      <c r="D222" s="93" t="s">
        <v>245</v>
      </c>
      <c r="E222" s="30" t="s">
        <v>154</v>
      </c>
      <c r="F222" s="48"/>
    </row>
    <row r="223" spans="1:6">
      <c r="A223"/>
      <c r="B223" s="91"/>
      <c r="C223" s="91"/>
      <c r="D223" s="94"/>
      <c r="E223" s="26" t="s">
        <v>150</v>
      </c>
      <c r="F223" s="27" t="s">
        <v>239</v>
      </c>
    </row>
    <row r="224" spans="1:6">
      <c r="A224"/>
      <c r="B224" s="91"/>
      <c r="C224" s="91"/>
      <c r="D224" s="95"/>
      <c r="E224" s="31" t="s">
        <v>155</v>
      </c>
      <c r="F224" s="49"/>
    </row>
    <row r="225" spans="1:6">
      <c r="A225"/>
      <c r="B225" s="91"/>
      <c r="C225" s="91"/>
      <c r="D225" s="93" t="s">
        <v>246</v>
      </c>
      <c r="E225" s="30" t="s">
        <v>156</v>
      </c>
      <c r="F225" s="48"/>
    </row>
    <row r="226" spans="1:6">
      <c r="A226"/>
      <c r="B226" s="91"/>
      <c r="C226" s="91"/>
      <c r="D226" s="94"/>
      <c r="E226" s="26" t="s">
        <v>150</v>
      </c>
      <c r="F226" s="27" t="s">
        <v>242</v>
      </c>
    </row>
    <row r="227" spans="1:6">
      <c r="A227"/>
      <c r="B227" s="91"/>
      <c r="C227" s="91"/>
      <c r="D227" s="95"/>
      <c r="E227" s="31" t="s">
        <v>157</v>
      </c>
      <c r="F227" s="49"/>
    </row>
    <row r="228" spans="1:6">
      <c r="A228"/>
      <c r="B228" s="91"/>
      <c r="C228" s="91"/>
      <c r="D228" s="93" t="s">
        <v>248</v>
      </c>
      <c r="E228" s="30" t="s">
        <v>158</v>
      </c>
      <c r="F228" s="48"/>
    </row>
    <row r="229" spans="1:6">
      <c r="A229"/>
      <c r="B229" s="91"/>
      <c r="C229" s="91"/>
      <c r="D229" s="94"/>
      <c r="E229" s="26" t="s">
        <v>150</v>
      </c>
      <c r="F229" s="27" t="s">
        <v>243</v>
      </c>
    </row>
    <row r="230" spans="1:6">
      <c r="A230"/>
      <c r="B230" s="91"/>
      <c r="C230" s="91"/>
      <c r="D230" s="95"/>
      <c r="E230" s="31" t="s">
        <v>159</v>
      </c>
      <c r="F230" s="49"/>
    </row>
    <row r="231" spans="1:6">
      <c r="A231"/>
      <c r="B231" s="91"/>
      <c r="C231" s="92"/>
      <c r="D231" s="105"/>
      <c r="E231" s="26" t="s">
        <v>160</v>
      </c>
      <c r="F231" s="27"/>
    </row>
    <row r="232" spans="1:6">
      <c r="A232"/>
      <c r="B232" s="91"/>
      <c r="C232" s="104"/>
      <c r="D232" s="104"/>
      <c r="E232" s="26" t="s">
        <v>161</v>
      </c>
      <c r="F232" s="27"/>
    </row>
    <row r="233" spans="1:6">
      <c r="A233"/>
      <c r="B233" s="91"/>
      <c r="C233" s="104"/>
      <c r="D233" s="104"/>
      <c r="E233" s="26" t="s">
        <v>162</v>
      </c>
      <c r="F233" s="27"/>
    </row>
    <row r="234" spans="1:6">
      <c r="A234"/>
      <c r="B234" s="92"/>
      <c r="C234" s="106"/>
      <c r="D234" s="106"/>
      <c r="E234" s="31" t="s">
        <v>163</v>
      </c>
      <c r="F234" s="33"/>
    </row>
    <row r="235" spans="1:6">
      <c r="A235"/>
      <c r="B235" s="17"/>
      <c r="C235" s="17"/>
      <c r="D235" s="17"/>
    </row>
    <row r="236" spans="1:6">
      <c r="A236"/>
      <c r="B236"/>
    </row>
    <row r="237" spans="1:6">
      <c r="A237"/>
      <c r="B237"/>
    </row>
    <row r="238" spans="1:6">
      <c r="A238"/>
      <c r="B238"/>
    </row>
    <row r="239" spans="1:6">
      <c r="A239"/>
      <c r="B239"/>
    </row>
    <row r="240" spans="1:6">
      <c r="A240"/>
      <c r="B240"/>
    </row>
    <row r="241" spans="1:2">
      <c r="A241"/>
      <c r="B241"/>
    </row>
    <row r="242" spans="1:2">
      <c r="A242"/>
      <c r="B242"/>
    </row>
    <row r="243" spans="1:2">
      <c r="A243"/>
      <c r="B243"/>
    </row>
    <row r="244" spans="1:2">
      <c r="A244"/>
      <c r="B244"/>
    </row>
    <row r="245" spans="1:2">
      <c r="A245"/>
      <c r="B245"/>
    </row>
    <row r="246" spans="1:2">
      <c r="A246"/>
      <c r="B246"/>
    </row>
    <row r="247" spans="1:2">
      <c r="A247"/>
      <c r="B247"/>
    </row>
    <row r="248" spans="1:2">
      <c r="A248"/>
      <c r="B248"/>
    </row>
    <row r="249" spans="1:2">
      <c r="A249"/>
      <c r="B249"/>
    </row>
    <row r="250" spans="1:2">
      <c r="A250"/>
      <c r="B250"/>
    </row>
    <row r="251" spans="1:2">
      <c r="A251"/>
      <c r="B251"/>
    </row>
    <row r="252" spans="1:2">
      <c r="A252"/>
      <c r="B252"/>
    </row>
    <row r="253" spans="1:2">
      <c r="A253"/>
      <c r="B253"/>
    </row>
    <row r="254" spans="1:2">
      <c r="A254"/>
      <c r="B254"/>
    </row>
    <row r="255" spans="1:2">
      <c r="A255"/>
      <c r="B255"/>
    </row>
    <row r="256" spans="1:2">
      <c r="A256"/>
      <c r="B256"/>
    </row>
    <row r="257" spans="1:2">
      <c r="A257"/>
      <c r="B257"/>
    </row>
    <row r="258" spans="1:2">
      <c r="A258"/>
      <c r="B258"/>
    </row>
    <row r="259" spans="1:2">
      <c r="A259"/>
      <c r="B259"/>
    </row>
    <row r="260" spans="1:2">
      <c r="A260"/>
      <c r="B260"/>
    </row>
    <row r="261" spans="1:2">
      <c r="A261"/>
      <c r="B261"/>
    </row>
    <row r="262" spans="1:2">
      <c r="A262"/>
      <c r="B262"/>
    </row>
    <row r="263" spans="1:2">
      <c r="A263"/>
      <c r="B263"/>
    </row>
    <row r="264" spans="1:2">
      <c r="A264"/>
      <c r="B264"/>
    </row>
    <row r="265" spans="1:2">
      <c r="A265"/>
      <c r="B265"/>
    </row>
    <row r="266" spans="1:2">
      <c r="A266"/>
      <c r="B266"/>
    </row>
    <row r="267" spans="1:2">
      <c r="A267"/>
      <c r="B267"/>
    </row>
    <row r="268" spans="1:2">
      <c r="A268"/>
      <c r="B268"/>
    </row>
    <row r="269" spans="1:2">
      <c r="A269"/>
      <c r="B269"/>
    </row>
    <row r="270" spans="1:2">
      <c r="A270"/>
      <c r="B270"/>
    </row>
    <row r="271" spans="1:2">
      <c r="A271"/>
      <c r="B271"/>
    </row>
    <row r="272" spans="1:2">
      <c r="A272"/>
      <c r="B272"/>
    </row>
    <row r="273" spans="1:2">
      <c r="A273"/>
      <c r="B273"/>
    </row>
    <row r="274" spans="1:2">
      <c r="A274"/>
      <c r="B274"/>
    </row>
    <row r="275" spans="1:2">
      <c r="A275"/>
      <c r="B275"/>
    </row>
    <row r="276" spans="1:2">
      <c r="A276"/>
      <c r="B276"/>
    </row>
    <row r="277" spans="1:2">
      <c r="A277"/>
      <c r="B277"/>
    </row>
    <row r="278" spans="1:2">
      <c r="A278"/>
      <c r="B278"/>
    </row>
    <row r="279" spans="1:2">
      <c r="A279"/>
      <c r="B279"/>
    </row>
    <row r="280" spans="1:2">
      <c r="A280"/>
      <c r="B280"/>
    </row>
    <row r="281" spans="1:2">
      <c r="A281"/>
      <c r="B281"/>
    </row>
    <row r="282" spans="1:2">
      <c r="A282"/>
      <c r="B282"/>
    </row>
    <row r="283" spans="1:2">
      <c r="A283"/>
      <c r="B283"/>
    </row>
    <row r="284" spans="1:2">
      <c r="A284"/>
      <c r="B284"/>
    </row>
    <row r="285" spans="1:2">
      <c r="A285"/>
      <c r="B285"/>
    </row>
    <row r="286" spans="1:2">
      <c r="A286"/>
      <c r="B286"/>
    </row>
    <row r="287" spans="1:2">
      <c r="A287"/>
      <c r="B287"/>
    </row>
    <row r="288" spans="1:2">
      <c r="A288"/>
      <c r="B288"/>
    </row>
    <row r="289" spans="1:2">
      <c r="A289"/>
      <c r="B289"/>
    </row>
    <row r="290" spans="1:2">
      <c r="A290"/>
      <c r="B290"/>
    </row>
    <row r="291" spans="1:2">
      <c r="A291"/>
      <c r="B291"/>
    </row>
    <row r="292" spans="1:2">
      <c r="A292"/>
      <c r="B292"/>
    </row>
    <row r="293" spans="1:2">
      <c r="A293"/>
      <c r="B293"/>
    </row>
    <row r="294" spans="1:2">
      <c r="A294"/>
      <c r="B294"/>
    </row>
    <row r="295" spans="1:2">
      <c r="A295"/>
      <c r="B295"/>
    </row>
    <row r="296" spans="1:2">
      <c r="A296"/>
      <c r="B296"/>
    </row>
    <row r="297" spans="1:2">
      <c r="A297"/>
      <c r="B297"/>
    </row>
    <row r="298" spans="1:2">
      <c r="A298"/>
      <c r="B298"/>
    </row>
    <row r="299" spans="1:2">
      <c r="A299"/>
      <c r="B299"/>
    </row>
    <row r="300" spans="1:2">
      <c r="A300"/>
      <c r="B300"/>
    </row>
    <row r="301" spans="1:2">
      <c r="A301"/>
      <c r="B301"/>
    </row>
    <row r="302" spans="1:2">
      <c r="A302"/>
      <c r="B302"/>
    </row>
    <row r="303" spans="1:2">
      <c r="A303"/>
      <c r="B303"/>
    </row>
    <row r="304" spans="1:2">
      <c r="A304"/>
      <c r="B304"/>
    </row>
    <row r="305" spans="1:2">
      <c r="A305"/>
      <c r="B305"/>
    </row>
    <row r="306" spans="1:2">
      <c r="A306"/>
      <c r="B306"/>
    </row>
    <row r="307" spans="1:2">
      <c r="A307"/>
      <c r="B307"/>
    </row>
    <row r="308" spans="1:2">
      <c r="A308"/>
      <c r="B308"/>
    </row>
    <row r="309" spans="1:2">
      <c r="A309"/>
      <c r="B309"/>
    </row>
    <row r="310" spans="1:2">
      <c r="A310"/>
      <c r="B310"/>
    </row>
    <row r="311" spans="1:2">
      <c r="A311"/>
      <c r="B311"/>
    </row>
    <row r="312" spans="1:2">
      <c r="A312"/>
      <c r="B312"/>
    </row>
    <row r="313" spans="1:2">
      <c r="A313"/>
      <c r="B313"/>
    </row>
    <row r="314" spans="1:2">
      <c r="A314"/>
      <c r="B314"/>
    </row>
    <row r="315" spans="1:2">
      <c r="A315"/>
      <c r="B315"/>
    </row>
    <row r="316" spans="1:2">
      <c r="A316"/>
      <c r="B316"/>
    </row>
    <row r="317" spans="1:2">
      <c r="A317"/>
      <c r="B317"/>
    </row>
    <row r="318" spans="1:2">
      <c r="A318"/>
      <c r="B318"/>
    </row>
    <row r="319" spans="1:2">
      <c r="A319"/>
      <c r="B319"/>
    </row>
    <row r="320" spans="1:2">
      <c r="A320"/>
      <c r="B320"/>
    </row>
    <row r="321" spans="1:2">
      <c r="A321"/>
      <c r="B321"/>
    </row>
    <row r="322" spans="1:2">
      <c r="A322"/>
      <c r="B322"/>
    </row>
    <row r="323" spans="1:2">
      <c r="A323"/>
      <c r="B323"/>
    </row>
    <row r="324" spans="1:2">
      <c r="A324"/>
      <c r="B324"/>
    </row>
    <row r="325" spans="1:2">
      <c r="A325"/>
      <c r="B325"/>
    </row>
    <row r="326" spans="1:2">
      <c r="A326"/>
      <c r="B326"/>
    </row>
    <row r="327" spans="1:2">
      <c r="A327"/>
      <c r="B327"/>
    </row>
    <row r="328" spans="1:2">
      <c r="A328"/>
      <c r="B328"/>
    </row>
    <row r="329" spans="1:2">
      <c r="A329"/>
      <c r="B329"/>
    </row>
    <row r="330" spans="1:2">
      <c r="A330"/>
      <c r="B330"/>
    </row>
    <row r="331" spans="1:2">
      <c r="A331"/>
      <c r="B331"/>
    </row>
    <row r="332" spans="1:2">
      <c r="A332"/>
      <c r="B332"/>
    </row>
    <row r="333" spans="1:2">
      <c r="A333"/>
      <c r="B333"/>
    </row>
    <row r="334" spans="1:2">
      <c r="A334"/>
      <c r="B334"/>
    </row>
    <row r="335" spans="1:2">
      <c r="A335"/>
      <c r="B335"/>
    </row>
    <row r="336" spans="1:2">
      <c r="A336"/>
      <c r="B336"/>
    </row>
    <row r="337" spans="1:2">
      <c r="A337"/>
      <c r="B337"/>
    </row>
    <row r="338" spans="1:2">
      <c r="A338"/>
      <c r="B338"/>
    </row>
    <row r="339" spans="1:2">
      <c r="A339"/>
      <c r="B339"/>
    </row>
    <row r="340" spans="1:2">
      <c r="A340"/>
      <c r="B340"/>
    </row>
    <row r="341" spans="1:2">
      <c r="A341"/>
      <c r="B341"/>
    </row>
    <row r="342" spans="1:2">
      <c r="A342"/>
      <c r="B342"/>
    </row>
    <row r="343" spans="1:2">
      <c r="A343"/>
      <c r="B343"/>
    </row>
    <row r="344" spans="1:2">
      <c r="A344"/>
      <c r="B344"/>
    </row>
    <row r="345" spans="1:2">
      <c r="A345"/>
      <c r="B345"/>
    </row>
    <row r="346" spans="1:2">
      <c r="A346"/>
      <c r="B346"/>
    </row>
    <row r="347" spans="1:2">
      <c r="A347"/>
      <c r="B347"/>
    </row>
    <row r="348" spans="1:2">
      <c r="A348"/>
      <c r="B348"/>
    </row>
    <row r="349" spans="1:2">
      <c r="A349"/>
      <c r="B349"/>
    </row>
    <row r="350" spans="1:2">
      <c r="A350"/>
      <c r="B350"/>
    </row>
    <row r="351" spans="1:2">
      <c r="A351"/>
      <c r="B351"/>
    </row>
    <row r="352" spans="1:2">
      <c r="A352"/>
      <c r="B352"/>
    </row>
    <row r="353" spans="1:2">
      <c r="A353"/>
      <c r="B353"/>
    </row>
    <row r="354" spans="1:2">
      <c r="A354"/>
      <c r="B354"/>
    </row>
    <row r="355" spans="1:2">
      <c r="A355"/>
      <c r="B355"/>
    </row>
    <row r="356" spans="1:2">
      <c r="A356"/>
      <c r="B356"/>
    </row>
    <row r="357" spans="1:2">
      <c r="A357"/>
      <c r="B357"/>
    </row>
    <row r="358" spans="1:2">
      <c r="A358"/>
      <c r="B358"/>
    </row>
    <row r="359" spans="1:2">
      <c r="A359"/>
      <c r="B359"/>
    </row>
    <row r="360" spans="1:2">
      <c r="A360"/>
      <c r="B360"/>
    </row>
    <row r="361" spans="1:2">
      <c r="A361"/>
      <c r="B361"/>
    </row>
    <row r="362" spans="1:2">
      <c r="A362"/>
      <c r="B362"/>
    </row>
    <row r="363" spans="1:2">
      <c r="A363"/>
      <c r="B363"/>
    </row>
    <row r="364" spans="1:2">
      <c r="A364"/>
      <c r="B364"/>
    </row>
    <row r="365" spans="1:2">
      <c r="A365"/>
      <c r="B365"/>
    </row>
    <row r="366" spans="1:2">
      <c r="A366"/>
      <c r="B366"/>
    </row>
    <row r="367" spans="1:2">
      <c r="A367"/>
      <c r="B367"/>
    </row>
    <row r="368" spans="1:2">
      <c r="A368"/>
      <c r="B368"/>
    </row>
    <row r="369" spans="1:2">
      <c r="A369"/>
      <c r="B369"/>
    </row>
    <row r="370" spans="1:2">
      <c r="A370"/>
      <c r="B370"/>
    </row>
    <row r="371" spans="1:2">
      <c r="A371"/>
      <c r="B371"/>
    </row>
    <row r="372" spans="1:2">
      <c r="A372"/>
      <c r="B372"/>
    </row>
    <row r="373" spans="1:2">
      <c r="A373"/>
      <c r="B373"/>
    </row>
    <row r="374" spans="1:2">
      <c r="A374"/>
      <c r="B374"/>
    </row>
    <row r="375" spans="1:2">
      <c r="A375"/>
      <c r="B375"/>
    </row>
    <row r="376" spans="1:2">
      <c r="A376"/>
      <c r="B376"/>
    </row>
    <row r="377" spans="1:2">
      <c r="A377"/>
      <c r="B377"/>
    </row>
    <row r="378" spans="1:2">
      <c r="A378"/>
      <c r="B378"/>
    </row>
    <row r="379" spans="1:2">
      <c r="A379"/>
      <c r="B379"/>
    </row>
    <row r="380" spans="1:2">
      <c r="A380"/>
      <c r="B380"/>
    </row>
    <row r="381" spans="1:2">
      <c r="A381"/>
      <c r="B381"/>
    </row>
    <row r="382" spans="1:2">
      <c r="A382"/>
      <c r="B382"/>
    </row>
    <row r="383" spans="1:2">
      <c r="A383"/>
      <c r="B383"/>
    </row>
    <row r="384" spans="1:2">
      <c r="A384"/>
      <c r="B384"/>
    </row>
    <row r="385" spans="1:2">
      <c r="A385"/>
      <c r="B385"/>
    </row>
    <row r="386" spans="1:2">
      <c r="A386"/>
      <c r="B386"/>
    </row>
    <row r="387" spans="1:2">
      <c r="A387"/>
      <c r="B387"/>
    </row>
    <row r="388" spans="1:2">
      <c r="A388"/>
      <c r="B388"/>
    </row>
    <row r="389" spans="1:2">
      <c r="A389"/>
      <c r="B389"/>
    </row>
    <row r="390" spans="1:2">
      <c r="A390"/>
      <c r="B390"/>
    </row>
    <row r="391" spans="1:2">
      <c r="A391"/>
      <c r="B391"/>
    </row>
    <row r="392" spans="1:2">
      <c r="A392"/>
      <c r="B392"/>
    </row>
    <row r="393" spans="1:2">
      <c r="A393"/>
      <c r="B393"/>
    </row>
    <row r="394" spans="1:2">
      <c r="A394"/>
      <c r="B394"/>
    </row>
    <row r="395" spans="1:2">
      <c r="A395"/>
      <c r="B395"/>
    </row>
    <row r="396" spans="1:2">
      <c r="A396"/>
      <c r="B396"/>
    </row>
    <row r="397" spans="1:2">
      <c r="A397"/>
      <c r="B397"/>
    </row>
    <row r="398" spans="1:2">
      <c r="A398"/>
      <c r="B398"/>
    </row>
    <row r="399" spans="1:2">
      <c r="A399"/>
      <c r="B399"/>
    </row>
    <row r="400" spans="1:2">
      <c r="A400"/>
      <c r="B400"/>
    </row>
    <row r="401" spans="1:2">
      <c r="A401"/>
      <c r="B401"/>
    </row>
    <row r="402" spans="1:2">
      <c r="A402"/>
      <c r="B402"/>
    </row>
    <row r="403" spans="1:2">
      <c r="A403"/>
      <c r="B403"/>
    </row>
    <row r="404" spans="1:2">
      <c r="A404"/>
      <c r="B404"/>
    </row>
    <row r="405" spans="1:2">
      <c r="A405"/>
      <c r="B405"/>
    </row>
    <row r="406" spans="1:2">
      <c r="A406"/>
      <c r="B406"/>
    </row>
    <row r="407" spans="1:2">
      <c r="A407"/>
      <c r="B407"/>
    </row>
    <row r="408" spans="1:2">
      <c r="A408"/>
      <c r="B408"/>
    </row>
    <row r="409" spans="1:2">
      <c r="A409"/>
      <c r="B409"/>
    </row>
    <row r="410" spans="1:2">
      <c r="A410"/>
      <c r="B410"/>
    </row>
    <row r="411" spans="1:2">
      <c r="A411"/>
      <c r="B411"/>
    </row>
    <row r="412" spans="1:2">
      <c r="A412"/>
      <c r="B412"/>
    </row>
    <row r="413" spans="1:2">
      <c r="A413"/>
      <c r="B413"/>
    </row>
    <row r="414" spans="1:2">
      <c r="A414"/>
      <c r="B414"/>
    </row>
    <row r="415" spans="1:2">
      <c r="A415"/>
      <c r="B415"/>
    </row>
    <row r="416" spans="1:2">
      <c r="A416"/>
      <c r="B416"/>
    </row>
    <row r="417" spans="1:2">
      <c r="A417"/>
      <c r="B417"/>
    </row>
    <row r="418" spans="1:2">
      <c r="A418"/>
      <c r="B418"/>
    </row>
    <row r="419" spans="1:2">
      <c r="A419"/>
      <c r="B419"/>
    </row>
    <row r="420" spans="1:2">
      <c r="A420"/>
      <c r="B420"/>
    </row>
    <row r="421" spans="1:2">
      <c r="A421"/>
      <c r="B421"/>
    </row>
    <row r="422" spans="1:2">
      <c r="A422"/>
      <c r="B422"/>
    </row>
    <row r="423" spans="1:2">
      <c r="A423"/>
      <c r="B423"/>
    </row>
    <row r="424" spans="1:2">
      <c r="A424"/>
      <c r="B424"/>
    </row>
    <row r="425" spans="1:2">
      <c r="A425"/>
      <c r="B425"/>
    </row>
    <row r="426" spans="1:2">
      <c r="A426"/>
      <c r="B426"/>
    </row>
    <row r="427" spans="1:2">
      <c r="A427"/>
      <c r="B427"/>
    </row>
    <row r="428" spans="1:2">
      <c r="A428"/>
      <c r="B428"/>
    </row>
    <row r="429" spans="1:2">
      <c r="A429"/>
      <c r="B429"/>
    </row>
    <row r="430" spans="1:2">
      <c r="A430"/>
      <c r="B430"/>
    </row>
    <row r="431" spans="1:2">
      <c r="A431"/>
      <c r="B431"/>
    </row>
    <row r="432" spans="1:2">
      <c r="A432"/>
      <c r="B432"/>
    </row>
    <row r="433" spans="1:2">
      <c r="A433"/>
      <c r="B433"/>
    </row>
    <row r="434" spans="1:2">
      <c r="A434"/>
      <c r="B434"/>
    </row>
    <row r="435" spans="1:2">
      <c r="A435"/>
      <c r="B435"/>
    </row>
    <row r="436" spans="1:2">
      <c r="A436"/>
      <c r="B436"/>
    </row>
    <row r="437" spans="1:2">
      <c r="A437"/>
      <c r="B437"/>
    </row>
    <row r="438" spans="1:2">
      <c r="A438"/>
      <c r="B438"/>
    </row>
    <row r="439" spans="1:2">
      <c r="A439"/>
      <c r="B439"/>
    </row>
    <row r="440" spans="1:2">
      <c r="A440"/>
      <c r="B440"/>
    </row>
    <row r="441" spans="1:2">
      <c r="A441"/>
      <c r="B441"/>
    </row>
    <row r="442" spans="1:2">
      <c r="A442"/>
      <c r="B442"/>
    </row>
    <row r="443" spans="1:2">
      <c r="A443"/>
      <c r="B443"/>
    </row>
    <row r="444" spans="1:2">
      <c r="A444"/>
      <c r="B444"/>
    </row>
    <row r="445" spans="1:2">
      <c r="A445"/>
      <c r="B445"/>
    </row>
    <row r="446" spans="1:2">
      <c r="A446"/>
      <c r="B446"/>
    </row>
    <row r="447" spans="1:2">
      <c r="A447"/>
      <c r="B447"/>
    </row>
    <row r="448" spans="1:2">
      <c r="A448"/>
      <c r="B448"/>
    </row>
    <row r="449" spans="1:2">
      <c r="A449"/>
      <c r="B449"/>
    </row>
    <row r="450" spans="1:2">
      <c r="A450"/>
      <c r="B450"/>
    </row>
    <row r="451" spans="1:2">
      <c r="A451"/>
      <c r="B451"/>
    </row>
    <row r="452" spans="1:2">
      <c r="A452"/>
      <c r="B452"/>
    </row>
    <row r="453" spans="1:2">
      <c r="A453"/>
      <c r="B453"/>
    </row>
    <row r="454" spans="1:2">
      <c r="A454"/>
      <c r="B454"/>
    </row>
    <row r="455" spans="1:2">
      <c r="A455"/>
      <c r="B455"/>
    </row>
    <row r="456" spans="1:2">
      <c r="A456"/>
      <c r="B456"/>
    </row>
    <row r="457" spans="1:2">
      <c r="A457"/>
      <c r="B457"/>
    </row>
    <row r="458" spans="1:2">
      <c r="A458"/>
      <c r="B458"/>
    </row>
    <row r="459" spans="1:2">
      <c r="A459"/>
      <c r="B459"/>
    </row>
    <row r="460" spans="1:2">
      <c r="A460"/>
      <c r="B460"/>
    </row>
    <row r="461" spans="1:2">
      <c r="A461"/>
      <c r="B461"/>
    </row>
    <row r="462" spans="1:2">
      <c r="A462"/>
      <c r="B462"/>
    </row>
    <row r="463" spans="1:2">
      <c r="A463"/>
      <c r="B463"/>
    </row>
    <row r="464" spans="1:2">
      <c r="A464"/>
      <c r="B464"/>
    </row>
    <row r="465" spans="1:2">
      <c r="A465"/>
      <c r="B465"/>
    </row>
    <row r="466" spans="1:2">
      <c r="A466"/>
      <c r="B466"/>
    </row>
    <row r="467" spans="1:2">
      <c r="A467"/>
      <c r="B467"/>
    </row>
    <row r="468" spans="1:2">
      <c r="A468"/>
      <c r="B468"/>
    </row>
    <row r="469" spans="1:2">
      <c r="A469"/>
      <c r="B469"/>
    </row>
    <row r="470" spans="1:2">
      <c r="A470"/>
      <c r="B470"/>
    </row>
    <row r="471" spans="1:2">
      <c r="A471"/>
      <c r="B471"/>
    </row>
    <row r="472" spans="1:2">
      <c r="A472"/>
      <c r="B472"/>
    </row>
    <row r="473" spans="1:2">
      <c r="A473"/>
      <c r="B473"/>
    </row>
    <row r="474" spans="1:2">
      <c r="A474"/>
      <c r="B474"/>
    </row>
    <row r="475" spans="1:2">
      <c r="A475"/>
      <c r="B475"/>
    </row>
    <row r="476" spans="1:2">
      <c r="A476"/>
      <c r="B476"/>
    </row>
    <row r="477" spans="1:2">
      <c r="A477"/>
      <c r="B477"/>
    </row>
    <row r="478" spans="1:2">
      <c r="A478"/>
      <c r="B478"/>
    </row>
    <row r="479" spans="1:2">
      <c r="A479"/>
      <c r="B479"/>
    </row>
    <row r="480" spans="1:2">
      <c r="A480"/>
      <c r="B480"/>
    </row>
    <row r="481" spans="1:2">
      <c r="A481"/>
      <c r="B481"/>
    </row>
    <row r="482" spans="1:2">
      <c r="A482"/>
      <c r="B482"/>
    </row>
    <row r="483" spans="1:2">
      <c r="A483"/>
      <c r="B483"/>
    </row>
    <row r="484" spans="1:2">
      <c r="A484"/>
      <c r="B484"/>
    </row>
    <row r="485" spans="1:2">
      <c r="A485"/>
      <c r="B485"/>
    </row>
    <row r="486" spans="1:2">
      <c r="A486"/>
      <c r="B486"/>
    </row>
    <row r="487" spans="1:2">
      <c r="A487"/>
      <c r="B487"/>
    </row>
    <row r="488" spans="1:2">
      <c r="A488"/>
      <c r="B488"/>
    </row>
    <row r="489" spans="1:2">
      <c r="A489"/>
      <c r="B489"/>
    </row>
    <row r="490" spans="1:2">
      <c r="A490"/>
      <c r="B490"/>
    </row>
    <row r="491" spans="1:2">
      <c r="A491"/>
      <c r="B491"/>
    </row>
    <row r="492" spans="1:2">
      <c r="A492"/>
      <c r="B492"/>
    </row>
    <row r="493" spans="1:2">
      <c r="A493"/>
      <c r="B493"/>
    </row>
    <row r="494" spans="1:2">
      <c r="A494"/>
      <c r="B494"/>
    </row>
    <row r="495" spans="1:2">
      <c r="A495"/>
      <c r="B495"/>
    </row>
    <row r="496" spans="1:2">
      <c r="A496"/>
      <c r="B496"/>
    </row>
    <row r="497" spans="1:2">
      <c r="A497"/>
      <c r="B497"/>
    </row>
    <row r="498" spans="1:2">
      <c r="A498"/>
      <c r="B498"/>
    </row>
    <row r="499" spans="1:2">
      <c r="A499"/>
      <c r="B499"/>
    </row>
    <row r="500" spans="1:2">
      <c r="A500"/>
      <c r="B500"/>
    </row>
    <row r="501" spans="1:2">
      <c r="A501"/>
      <c r="B501"/>
    </row>
    <row r="502" spans="1:2">
      <c r="A502"/>
      <c r="B502"/>
    </row>
    <row r="503" spans="1:2">
      <c r="A503"/>
      <c r="B503"/>
    </row>
    <row r="504" spans="1:2">
      <c r="A504"/>
      <c r="B504"/>
    </row>
    <row r="505" spans="1:2">
      <c r="A505"/>
      <c r="B505"/>
    </row>
    <row r="506" spans="1:2">
      <c r="A506"/>
      <c r="B506"/>
    </row>
    <row r="507" spans="1:2">
      <c r="A507"/>
      <c r="B507"/>
    </row>
    <row r="508" spans="1:2">
      <c r="A508"/>
      <c r="B508"/>
    </row>
    <row r="509" spans="1:2">
      <c r="A509"/>
      <c r="B509"/>
    </row>
    <row r="510" spans="1:2">
      <c r="A510"/>
      <c r="B510"/>
    </row>
    <row r="511" spans="1:2">
      <c r="A511"/>
      <c r="B511"/>
    </row>
    <row r="512" spans="1:2">
      <c r="A512"/>
      <c r="B512"/>
    </row>
    <row r="513" spans="1:2">
      <c r="A513"/>
      <c r="B513"/>
    </row>
    <row r="514" spans="1:2">
      <c r="A514"/>
      <c r="B514"/>
    </row>
    <row r="515" spans="1:2">
      <c r="A515"/>
      <c r="B515"/>
    </row>
    <row r="516" spans="1:2">
      <c r="A516"/>
      <c r="B516"/>
    </row>
    <row r="517" spans="1:2">
      <c r="A517"/>
      <c r="B517"/>
    </row>
    <row r="518" spans="1:2">
      <c r="A518"/>
      <c r="B518"/>
    </row>
    <row r="519" spans="1:2">
      <c r="A519"/>
      <c r="B519"/>
    </row>
    <row r="520" spans="1:2">
      <c r="A520"/>
      <c r="B520"/>
    </row>
    <row r="521" spans="1:2">
      <c r="A521"/>
      <c r="B521"/>
    </row>
    <row r="522" spans="1:2">
      <c r="A522"/>
      <c r="B522"/>
    </row>
    <row r="523" spans="1:2">
      <c r="A523"/>
      <c r="B523"/>
    </row>
    <row r="524" spans="1:2">
      <c r="A524"/>
      <c r="B524"/>
    </row>
    <row r="525" spans="1:2">
      <c r="A525"/>
      <c r="B525"/>
    </row>
    <row r="526" spans="1:2">
      <c r="A526"/>
      <c r="B526"/>
    </row>
    <row r="527" spans="1:2">
      <c r="A527"/>
      <c r="B527"/>
    </row>
    <row r="528" spans="1:2">
      <c r="A528"/>
      <c r="B528"/>
    </row>
    <row r="529" spans="1:2">
      <c r="A529"/>
      <c r="B529"/>
    </row>
    <row r="530" spans="1:2">
      <c r="A530"/>
      <c r="B530"/>
    </row>
    <row r="531" spans="1:2">
      <c r="A531"/>
      <c r="B531"/>
    </row>
    <row r="532" spans="1:2">
      <c r="A532"/>
      <c r="B532"/>
    </row>
    <row r="533" spans="1:2">
      <c r="A533"/>
      <c r="B533"/>
    </row>
    <row r="534" spans="1:2">
      <c r="A534"/>
      <c r="B534"/>
    </row>
    <row r="535" spans="1:2">
      <c r="A535"/>
      <c r="B535"/>
    </row>
    <row r="536" spans="1:2">
      <c r="A536"/>
      <c r="B536"/>
    </row>
    <row r="537" spans="1:2">
      <c r="A537"/>
      <c r="B537"/>
    </row>
    <row r="538" spans="1:2">
      <c r="A538"/>
      <c r="B538"/>
    </row>
    <row r="539" spans="1:2">
      <c r="A539"/>
      <c r="B539"/>
    </row>
    <row r="540" spans="1:2">
      <c r="A540"/>
      <c r="B540"/>
    </row>
    <row r="541" spans="1:2">
      <c r="A541"/>
      <c r="B541"/>
    </row>
    <row r="542" spans="1:2">
      <c r="A542"/>
      <c r="B542"/>
    </row>
    <row r="543" spans="1:2">
      <c r="A543"/>
      <c r="B543"/>
    </row>
    <row r="544" spans="1:2">
      <c r="A544"/>
      <c r="B544"/>
    </row>
    <row r="545" spans="1:2">
      <c r="A545"/>
      <c r="B545"/>
    </row>
    <row r="546" spans="1:2">
      <c r="A546"/>
      <c r="B546"/>
    </row>
    <row r="547" spans="1:2">
      <c r="A547"/>
      <c r="B547"/>
    </row>
    <row r="548" spans="1:2">
      <c r="A548"/>
      <c r="B548"/>
    </row>
    <row r="549" spans="1:2">
      <c r="A549"/>
      <c r="B549"/>
    </row>
    <row r="550" spans="1:2">
      <c r="A550"/>
      <c r="B550"/>
    </row>
    <row r="551" spans="1:2">
      <c r="A551"/>
      <c r="B551"/>
    </row>
    <row r="552" spans="1:2">
      <c r="A552"/>
      <c r="B552"/>
    </row>
    <row r="553" spans="1:2">
      <c r="A553"/>
      <c r="B553"/>
    </row>
    <row r="554" spans="1:2">
      <c r="A554"/>
      <c r="B554"/>
    </row>
    <row r="555" spans="1:2">
      <c r="A555"/>
      <c r="B555"/>
    </row>
    <row r="556" spans="1:2">
      <c r="A556"/>
      <c r="B556"/>
    </row>
    <row r="557" spans="1:2">
      <c r="A557"/>
      <c r="B557"/>
    </row>
    <row r="558" spans="1:2">
      <c r="A558"/>
      <c r="B558"/>
    </row>
    <row r="559" spans="1:2">
      <c r="A559"/>
      <c r="B559"/>
    </row>
    <row r="560" spans="1:2">
      <c r="A560"/>
      <c r="B560"/>
    </row>
    <row r="561" spans="1:2">
      <c r="A561"/>
      <c r="B561"/>
    </row>
    <row r="562" spans="1:2">
      <c r="A562"/>
      <c r="B562"/>
    </row>
    <row r="563" spans="1:2">
      <c r="A563"/>
      <c r="B563"/>
    </row>
    <row r="564" spans="1:2">
      <c r="A564"/>
      <c r="B564"/>
    </row>
    <row r="565" spans="1:2">
      <c r="A565"/>
      <c r="B565"/>
    </row>
    <row r="566" spans="1:2">
      <c r="A566"/>
      <c r="B566"/>
    </row>
    <row r="567" spans="1:2">
      <c r="A567"/>
      <c r="B567"/>
    </row>
    <row r="568" spans="1:2">
      <c r="A568"/>
      <c r="B568"/>
    </row>
    <row r="569" spans="1:2">
      <c r="A569"/>
      <c r="B569"/>
    </row>
    <row r="570" spans="1:2">
      <c r="A570"/>
      <c r="B570"/>
    </row>
    <row r="571" spans="1:2">
      <c r="A571"/>
      <c r="B571"/>
    </row>
    <row r="572" spans="1:2">
      <c r="A572"/>
      <c r="B572"/>
    </row>
    <row r="573" spans="1:2">
      <c r="A573"/>
      <c r="B573"/>
    </row>
    <row r="574" spans="1:2">
      <c r="A574"/>
      <c r="B574"/>
    </row>
    <row r="575" spans="1:2">
      <c r="A575"/>
      <c r="B575"/>
    </row>
    <row r="576" spans="1:2">
      <c r="A576"/>
      <c r="B576"/>
    </row>
    <row r="577" spans="1:2">
      <c r="A577"/>
      <c r="B577"/>
    </row>
    <row r="578" spans="1:2">
      <c r="A578"/>
      <c r="B578"/>
    </row>
    <row r="579" spans="1:2">
      <c r="A579"/>
      <c r="B579"/>
    </row>
    <row r="580" spans="1:2">
      <c r="A580"/>
      <c r="B580"/>
    </row>
    <row r="581" spans="1:2">
      <c r="A581"/>
      <c r="B581"/>
    </row>
    <row r="582" spans="1:2">
      <c r="A582"/>
      <c r="B582"/>
    </row>
    <row r="583" spans="1:2">
      <c r="A583"/>
      <c r="B583"/>
    </row>
    <row r="584" spans="1:2">
      <c r="A584"/>
      <c r="B584"/>
    </row>
    <row r="585" spans="1:2">
      <c r="A585"/>
      <c r="B585"/>
    </row>
    <row r="586" spans="1:2">
      <c r="A586"/>
      <c r="B586"/>
    </row>
    <row r="587" spans="1:2">
      <c r="A587"/>
      <c r="B587"/>
    </row>
    <row r="588" spans="1:2">
      <c r="A588"/>
      <c r="B588"/>
    </row>
    <row r="589" spans="1:2">
      <c r="A589"/>
      <c r="B589"/>
    </row>
    <row r="590" spans="1:2">
      <c r="A590"/>
      <c r="B590"/>
    </row>
    <row r="591" spans="1:2">
      <c r="A591"/>
      <c r="B591"/>
    </row>
    <row r="592" spans="1:2">
      <c r="A592"/>
      <c r="B592"/>
    </row>
    <row r="593" spans="1:2">
      <c r="A593"/>
      <c r="B593"/>
    </row>
    <row r="594" spans="1:2">
      <c r="A594"/>
      <c r="B594"/>
    </row>
    <row r="595" spans="1:2">
      <c r="A595"/>
      <c r="B595"/>
    </row>
    <row r="596" spans="1:2">
      <c r="A596"/>
      <c r="B596"/>
    </row>
    <row r="597" spans="1:2">
      <c r="A597"/>
      <c r="B597"/>
    </row>
    <row r="598" spans="1:2">
      <c r="A598"/>
      <c r="B598"/>
    </row>
    <row r="599" spans="1:2">
      <c r="A599"/>
      <c r="B599"/>
    </row>
    <row r="600" spans="1:2">
      <c r="A600"/>
      <c r="B600"/>
    </row>
    <row r="601" spans="1:2">
      <c r="A601"/>
      <c r="B601"/>
    </row>
    <row r="602" spans="1:2">
      <c r="A602"/>
      <c r="B602"/>
    </row>
    <row r="603" spans="1:2">
      <c r="A603"/>
      <c r="B603"/>
    </row>
    <row r="604" spans="1:2">
      <c r="A604"/>
      <c r="B604"/>
    </row>
    <row r="605" spans="1:2">
      <c r="A605"/>
      <c r="B605"/>
    </row>
    <row r="606" spans="1:2">
      <c r="A606"/>
      <c r="B606"/>
    </row>
    <row r="607" spans="1:2">
      <c r="A607"/>
      <c r="B607"/>
    </row>
    <row r="608" spans="1:2">
      <c r="A608"/>
      <c r="B608"/>
    </row>
    <row r="609" spans="1:2">
      <c r="A609"/>
      <c r="B609"/>
    </row>
    <row r="610" spans="1:2">
      <c r="A610"/>
      <c r="B610"/>
    </row>
    <row r="611" spans="1:2">
      <c r="A611"/>
      <c r="B611"/>
    </row>
    <row r="612" spans="1:2">
      <c r="A612"/>
      <c r="B612"/>
    </row>
    <row r="613" spans="1:2">
      <c r="A613"/>
      <c r="B613"/>
    </row>
    <row r="614" spans="1:2">
      <c r="A614"/>
      <c r="B614"/>
    </row>
    <row r="615" spans="1:2">
      <c r="A615"/>
      <c r="B615"/>
    </row>
    <row r="616" spans="1:2">
      <c r="A616"/>
      <c r="B616"/>
    </row>
    <row r="617" spans="1:2">
      <c r="A617"/>
      <c r="B617"/>
    </row>
    <row r="618" spans="1:2">
      <c r="A618"/>
      <c r="B618"/>
    </row>
    <row r="619" spans="1:2">
      <c r="A619"/>
      <c r="B619"/>
    </row>
    <row r="620" spans="1:2">
      <c r="A620"/>
      <c r="B620"/>
    </row>
    <row r="621" spans="1:2">
      <c r="A621"/>
      <c r="B621"/>
    </row>
    <row r="622" spans="1:2">
      <c r="A622"/>
      <c r="B622"/>
    </row>
    <row r="623" spans="1:2">
      <c r="A623"/>
      <c r="B623"/>
    </row>
    <row r="624" spans="1:2">
      <c r="A624"/>
      <c r="B624"/>
    </row>
    <row r="625" spans="1:2">
      <c r="A625"/>
      <c r="B625"/>
    </row>
    <row r="626" spans="1:2">
      <c r="A626"/>
      <c r="B626"/>
    </row>
    <row r="627" spans="1:2">
      <c r="A627"/>
      <c r="B627"/>
    </row>
    <row r="628" spans="1:2">
      <c r="A628"/>
      <c r="B628"/>
    </row>
    <row r="629" spans="1:2">
      <c r="A629"/>
      <c r="B629"/>
    </row>
    <row r="630" spans="1:2">
      <c r="A630"/>
      <c r="B630"/>
    </row>
    <row r="631" spans="1:2">
      <c r="A631"/>
      <c r="B631"/>
    </row>
    <row r="632" spans="1:2">
      <c r="A632"/>
      <c r="B632"/>
    </row>
    <row r="633" spans="1:2">
      <c r="A633"/>
      <c r="B633"/>
    </row>
    <row r="634" spans="1:2">
      <c r="A634"/>
      <c r="B634"/>
    </row>
    <row r="635" spans="1:2">
      <c r="A635"/>
      <c r="B635"/>
    </row>
    <row r="636" spans="1:2">
      <c r="A636"/>
      <c r="B636"/>
    </row>
    <row r="637" spans="1:2">
      <c r="A637"/>
      <c r="B637"/>
    </row>
    <row r="638" spans="1:2">
      <c r="A638"/>
      <c r="B638"/>
    </row>
    <row r="639" spans="1:2">
      <c r="A639"/>
      <c r="B639"/>
    </row>
    <row r="640" spans="1:2">
      <c r="A640"/>
      <c r="B640"/>
    </row>
    <row r="641" spans="1:2">
      <c r="A641"/>
      <c r="B641"/>
    </row>
    <row r="642" spans="1:2">
      <c r="A642"/>
      <c r="B642"/>
    </row>
    <row r="643" spans="1:2">
      <c r="A643"/>
      <c r="B643"/>
    </row>
    <row r="644" spans="1:2">
      <c r="A644"/>
      <c r="B644"/>
    </row>
    <row r="645" spans="1:2">
      <c r="A645"/>
      <c r="B645"/>
    </row>
    <row r="646" spans="1:2">
      <c r="A646"/>
      <c r="B646"/>
    </row>
    <row r="647" spans="1:2">
      <c r="A647"/>
      <c r="B647"/>
    </row>
    <row r="648" spans="1:2">
      <c r="A648"/>
      <c r="B648"/>
    </row>
    <row r="649" spans="1:2">
      <c r="A649"/>
      <c r="B649"/>
    </row>
    <row r="650" spans="1:2">
      <c r="A650"/>
      <c r="B650"/>
    </row>
    <row r="651" spans="1:2">
      <c r="A651"/>
      <c r="B651"/>
    </row>
    <row r="652" spans="1:2">
      <c r="A652"/>
      <c r="B652"/>
    </row>
    <row r="653" spans="1:2">
      <c r="A653"/>
      <c r="B653"/>
    </row>
    <row r="654" spans="1:2">
      <c r="A654"/>
      <c r="B654"/>
    </row>
    <row r="655" spans="1:2">
      <c r="A655"/>
      <c r="B655"/>
    </row>
    <row r="656" spans="1:2">
      <c r="A656"/>
      <c r="B656"/>
    </row>
    <row r="657" spans="1:2">
      <c r="A657"/>
      <c r="B657"/>
    </row>
    <row r="658" spans="1:2">
      <c r="A658"/>
      <c r="B658"/>
    </row>
    <row r="659" spans="1:2">
      <c r="A659"/>
      <c r="B659"/>
    </row>
    <row r="660" spans="1:2">
      <c r="A660"/>
      <c r="B660"/>
    </row>
    <row r="661" spans="1:2">
      <c r="A661"/>
      <c r="B661"/>
    </row>
    <row r="662" spans="1:2">
      <c r="A662"/>
      <c r="B662"/>
    </row>
    <row r="663" spans="1:2">
      <c r="A663"/>
      <c r="B663"/>
    </row>
    <row r="664" spans="1:2">
      <c r="A664"/>
      <c r="B664"/>
    </row>
    <row r="665" spans="1:2">
      <c r="A665"/>
      <c r="B665"/>
    </row>
    <row r="666" spans="1:2">
      <c r="A666"/>
      <c r="B666"/>
    </row>
    <row r="667" spans="1:2">
      <c r="A667"/>
      <c r="B667"/>
    </row>
    <row r="668" spans="1:2">
      <c r="A668"/>
      <c r="B668"/>
    </row>
    <row r="669" spans="1:2">
      <c r="A669"/>
      <c r="B669"/>
    </row>
    <row r="670" spans="1:2">
      <c r="A670"/>
      <c r="B670"/>
    </row>
    <row r="671" spans="1:2">
      <c r="A671"/>
      <c r="B671"/>
    </row>
    <row r="672" spans="1:2">
      <c r="A672"/>
      <c r="B672"/>
    </row>
    <row r="673" spans="1:2">
      <c r="A673"/>
      <c r="B673"/>
    </row>
    <row r="674" spans="1:2">
      <c r="A674"/>
      <c r="B674"/>
    </row>
    <row r="675" spans="1:2">
      <c r="A675"/>
      <c r="B675"/>
    </row>
    <row r="676" spans="1:2">
      <c r="A676"/>
      <c r="B676"/>
    </row>
    <row r="677" spans="1:2">
      <c r="A677"/>
      <c r="B677"/>
    </row>
    <row r="678" spans="1:2">
      <c r="A678"/>
      <c r="B678"/>
    </row>
    <row r="679" spans="1:2">
      <c r="A679"/>
      <c r="B679"/>
    </row>
    <row r="680" spans="1:2">
      <c r="A680"/>
      <c r="B680"/>
    </row>
    <row r="681" spans="1:2">
      <c r="A681"/>
      <c r="B681"/>
    </row>
    <row r="682" spans="1:2">
      <c r="A682"/>
      <c r="B682"/>
    </row>
    <row r="683" spans="1:2">
      <c r="A683"/>
      <c r="B683"/>
    </row>
    <row r="684" spans="1:2">
      <c r="A684"/>
      <c r="B684"/>
    </row>
    <row r="685" spans="1:2">
      <c r="A685"/>
      <c r="B685"/>
    </row>
    <row r="686" spans="1:2">
      <c r="A686"/>
      <c r="B686"/>
    </row>
    <row r="687" spans="1:2">
      <c r="A687"/>
      <c r="B687"/>
    </row>
    <row r="688" spans="1:2">
      <c r="A688"/>
      <c r="B688"/>
    </row>
    <row r="689" spans="1:2">
      <c r="A689"/>
      <c r="B689"/>
    </row>
    <row r="690" spans="1:2">
      <c r="A690"/>
      <c r="B690"/>
    </row>
    <row r="691" spans="1:2">
      <c r="A691"/>
      <c r="B691"/>
    </row>
    <row r="692" spans="1:2">
      <c r="A692"/>
      <c r="B692"/>
    </row>
    <row r="693" spans="1:2">
      <c r="A693"/>
      <c r="B693"/>
    </row>
    <row r="694" spans="1:2">
      <c r="A694"/>
      <c r="B694"/>
    </row>
    <row r="695" spans="1:2">
      <c r="A695"/>
      <c r="B695"/>
    </row>
    <row r="696" spans="1:2">
      <c r="A696"/>
      <c r="B696"/>
    </row>
    <row r="697" spans="1:2">
      <c r="A697"/>
      <c r="B697"/>
    </row>
    <row r="698" spans="1:2">
      <c r="A698"/>
      <c r="B698"/>
    </row>
    <row r="699" spans="1:2">
      <c r="A699"/>
      <c r="B699"/>
    </row>
    <row r="700" spans="1:2">
      <c r="A700"/>
      <c r="B700"/>
    </row>
    <row r="701" spans="1:2">
      <c r="A701"/>
      <c r="B701"/>
    </row>
    <row r="702" spans="1:2">
      <c r="A702"/>
      <c r="B702"/>
    </row>
    <row r="703" spans="1:2">
      <c r="A703"/>
      <c r="B703"/>
    </row>
    <row r="704" spans="1:2">
      <c r="A704"/>
      <c r="B704"/>
    </row>
    <row r="705" spans="1:2">
      <c r="A705"/>
      <c r="B705"/>
    </row>
    <row r="706" spans="1:2">
      <c r="A706"/>
      <c r="B706"/>
    </row>
    <row r="707" spans="1:2">
      <c r="A707"/>
      <c r="B707"/>
    </row>
    <row r="708" spans="1:2">
      <c r="A708"/>
      <c r="B708"/>
    </row>
    <row r="709" spans="1:2">
      <c r="A709"/>
      <c r="B709"/>
    </row>
    <row r="710" spans="1:2">
      <c r="A710"/>
      <c r="B710"/>
    </row>
    <row r="711" spans="1:2">
      <c r="A711"/>
      <c r="B711"/>
    </row>
    <row r="712" spans="1:2">
      <c r="A712"/>
      <c r="B712"/>
    </row>
    <row r="713" spans="1:2">
      <c r="A713"/>
      <c r="B713"/>
    </row>
    <row r="714" spans="1:2">
      <c r="A714"/>
      <c r="B714"/>
    </row>
    <row r="715" spans="1:2">
      <c r="A715"/>
      <c r="B715"/>
    </row>
    <row r="716" spans="1:2">
      <c r="A716"/>
      <c r="B716"/>
    </row>
    <row r="717" spans="1:2">
      <c r="A717"/>
      <c r="B717"/>
    </row>
    <row r="718" spans="1:2">
      <c r="A718"/>
      <c r="B718"/>
    </row>
    <row r="719" spans="1:2">
      <c r="A719"/>
      <c r="B719"/>
    </row>
    <row r="720" spans="1:2">
      <c r="A720"/>
      <c r="B720"/>
    </row>
    <row r="721" spans="1:2">
      <c r="A721"/>
      <c r="B721"/>
    </row>
    <row r="722" spans="1:2">
      <c r="A722"/>
      <c r="B722"/>
    </row>
    <row r="723" spans="1:2">
      <c r="A723"/>
      <c r="B723"/>
    </row>
    <row r="724" spans="1:2">
      <c r="A724"/>
      <c r="B724"/>
    </row>
    <row r="725" spans="1:2">
      <c r="A725"/>
      <c r="B725"/>
    </row>
    <row r="726" spans="1:2">
      <c r="A726"/>
      <c r="B726"/>
    </row>
    <row r="727" spans="1:2">
      <c r="A727"/>
      <c r="B727"/>
    </row>
    <row r="728" spans="1:2">
      <c r="A728"/>
      <c r="B728"/>
    </row>
    <row r="729" spans="1:2">
      <c r="A729"/>
      <c r="B729"/>
    </row>
    <row r="730" spans="1:2">
      <c r="A730"/>
      <c r="B730"/>
    </row>
    <row r="731" spans="1:2">
      <c r="A731"/>
      <c r="B731"/>
    </row>
    <row r="732" spans="1:2">
      <c r="A732"/>
      <c r="B732"/>
    </row>
    <row r="733" spans="1:2">
      <c r="A733"/>
      <c r="B733"/>
    </row>
    <row r="734" spans="1:2">
      <c r="A734"/>
      <c r="B734"/>
    </row>
    <row r="735" spans="1:2">
      <c r="A735"/>
      <c r="B735"/>
    </row>
    <row r="736" spans="1:2">
      <c r="A736"/>
      <c r="B736"/>
    </row>
    <row r="737" spans="1:2">
      <c r="A737"/>
      <c r="B737"/>
    </row>
    <row r="738" spans="1:2">
      <c r="A738"/>
      <c r="B738"/>
    </row>
    <row r="739" spans="1:2">
      <c r="A739"/>
      <c r="B739"/>
    </row>
    <row r="740" spans="1:2">
      <c r="A740"/>
      <c r="B740"/>
    </row>
    <row r="741" spans="1:2">
      <c r="A741"/>
      <c r="B741"/>
    </row>
    <row r="742" spans="1:2">
      <c r="A742"/>
      <c r="B742"/>
    </row>
    <row r="743" spans="1:2">
      <c r="A743"/>
      <c r="B743"/>
    </row>
    <row r="744" spans="1:2">
      <c r="A744"/>
      <c r="B744"/>
    </row>
    <row r="745" spans="1:2">
      <c r="A745"/>
      <c r="B745"/>
    </row>
    <row r="746" spans="1:2">
      <c r="A746"/>
      <c r="B746"/>
    </row>
    <row r="747" spans="1:2">
      <c r="A747"/>
      <c r="B747"/>
    </row>
    <row r="748" spans="1:2">
      <c r="A748"/>
      <c r="B748"/>
    </row>
    <row r="749" spans="1:2">
      <c r="A749"/>
      <c r="B749"/>
    </row>
    <row r="750" spans="1:2">
      <c r="A750"/>
      <c r="B750"/>
    </row>
    <row r="751" spans="1:2">
      <c r="A751"/>
      <c r="B751"/>
    </row>
    <row r="752" spans="1:2">
      <c r="A752"/>
      <c r="B752"/>
    </row>
    <row r="753" spans="1:2">
      <c r="A753"/>
      <c r="B753"/>
    </row>
    <row r="754" spans="1:2">
      <c r="A754"/>
      <c r="B754"/>
    </row>
    <row r="755" spans="1:2">
      <c r="A755"/>
      <c r="B755"/>
    </row>
    <row r="756" spans="1:2">
      <c r="A756"/>
      <c r="B756"/>
    </row>
    <row r="757" spans="1:2">
      <c r="A757"/>
      <c r="B757"/>
    </row>
    <row r="758" spans="1:2">
      <c r="A758"/>
      <c r="B758"/>
    </row>
    <row r="759" spans="1:2">
      <c r="A759"/>
      <c r="B759"/>
    </row>
    <row r="760" spans="1:2">
      <c r="A760"/>
      <c r="B760"/>
    </row>
    <row r="761" spans="1:2">
      <c r="A761"/>
      <c r="B761"/>
    </row>
    <row r="762" spans="1:2">
      <c r="A762"/>
      <c r="B762"/>
    </row>
    <row r="763" spans="1:2">
      <c r="A763"/>
      <c r="B763"/>
    </row>
    <row r="764" spans="1:2">
      <c r="A764"/>
      <c r="B764"/>
    </row>
    <row r="765" spans="1:2">
      <c r="A765"/>
      <c r="B765"/>
    </row>
    <row r="766" spans="1:2">
      <c r="A766"/>
      <c r="B766"/>
    </row>
    <row r="767" spans="1:2">
      <c r="A767"/>
      <c r="B767"/>
    </row>
    <row r="768" spans="1:2">
      <c r="A768"/>
      <c r="B768"/>
    </row>
    <row r="769" spans="1:2">
      <c r="A769"/>
      <c r="B769"/>
    </row>
    <row r="770" spans="1:2">
      <c r="A770"/>
      <c r="B770"/>
    </row>
    <row r="771" spans="1:2">
      <c r="A771"/>
      <c r="B771"/>
    </row>
    <row r="772" spans="1:2">
      <c r="A772"/>
      <c r="B772"/>
    </row>
    <row r="773" spans="1:2">
      <c r="A773"/>
      <c r="B773"/>
    </row>
    <row r="774" spans="1:2">
      <c r="A774"/>
      <c r="B774"/>
    </row>
    <row r="775" spans="1:2">
      <c r="A775"/>
      <c r="B775"/>
    </row>
    <row r="776" spans="1:2">
      <c r="A776"/>
      <c r="B776"/>
    </row>
    <row r="777" spans="1:2">
      <c r="A777"/>
      <c r="B777"/>
    </row>
    <row r="778" spans="1:2">
      <c r="A778"/>
      <c r="B778"/>
    </row>
    <row r="779" spans="1:2">
      <c r="A779"/>
      <c r="B779"/>
    </row>
    <row r="780" spans="1:2">
      <c r="A780"/>
      <c r="B780"/>
    </row>
    <row r="781" spans="1:2">
      <c r="A781"/>
      <c r="B781"/>
    </row>
    <row r="782" spans="1:2">
      <c r="A782"/>
      <c r="B782"/>
    </row>
    <row r="783" spans="1:2">
      <c r="A783"/>
      <c r="B783"/>
    </row>
    <row r="784" spans="1:2">
      <c r="A784"/>
      <c r="B784"/>
    </row>
    <row r="785" spans="1:2">
      <c r="A785"/>
      <c r="B785"/>
    </row>
    <row r="786" spans="1:2">
      <c r="A786"/>
      <c r="B786"/>
    </row>
    <row r="787" spans="1:2">
      <c r="A787"/>
      <c r="B787"/>
    </row>
    <row r="788" spans="1:2">
      <c r="A788"/>
      <c r="B788"/>
    </row>
    <row r="789" spans="1:2">
      <c r="A789"/>
      <c r="B789"/>
    </row>
    <row r="790" spans="1:2">
      <c r="A790"/>
      <c r="B790"/>
    </row>
    <row r="791" spans="1:2">
      <c r="A791"/>
      <c r="B791"/>
    </row>
    <row r="792" spans="1:2">
      <c r="A792"/>
      <c r="B792"/>
    </row>
    <row r="793" spans="1:2">
      <c r="A793"/>
      <c r="B793"/>
    </row>
    <row r="794" spans="1:2">
      <c r="A794"/>
      <c r="B794"/>
    </row>
    <row r="795" spans="1:2">
      <c r="A795"/>
      <c r="B795"/>
    </row>
    <row r="796" spans="1:2">
      <c r="A796"/>
      <c r="B796"/>
    </row>
    <row r="797" spans="1:2">
      <c r="A797"/>
      <c r="B797"/>
    </row>
    <row r="798" spans="1:2">
      <c r="A798"/>
      <c r="B798"/>
    </row>
    <row r="799" spans="1:2">
      <c r="A799"/>
      <c r="B799"/>
    </row>
    <row r="800" spans="1:2">
      <c r="A800"/>
      <c r="B800"/>
    </row>
    <row r="801" spans="1:2">
      <c r="A801"/>
      <c r="B801"/>
    </row>
    <row r="802" spans="1:2">
      <c r="A802"/>
      <c r="B802"/>
    </row>
    <row r="803" spans="1:2">
      <c r="A803"/>
      <c r="B803"/>
    </row>
    <row r="804" spans="1:2">
      <c r="A804"/>
      <c r="B804"/>
    </row>
    <row r="805" spans="1:2">
      <c r="A805"/>
      <c r="B805"/>
    </row>
    <row r="806" spans="1:2">
      <c r="A806"/>
      <c r="B806"/>
    </row>
    <row r="807" spans="1:2">
      <c r="A807"/>
      <c r="B807"/>
    </row>
    <row r="808" spans="1:2">
      <c r="A808"/>
      <c r="B808"/>
    </row>
    <row r="809" spans="1:2">
      <c r="A809"/>
      <c r="B809"/>
    </row>
    <row r="810" spans="1:2">
      <c r="A810"/>
      <c r="B810"/>
    </row>
    <row r="811" spans="1:2">
      <c r="A811"/>
      <c r="B811"/>
    </row>
    <row r="812" spans="1:2">
      <c r="A812"/>
      <c r="B812"/>
    </row>
    <row r="813" spans="1:2">
      <c r="A813"/>
      <c r="B813"/>
    </row>
    <row r="814" spans="1:2">
      <c r="A814"/>
      <c r="B814"/>
    </row>
    <row r="815" spans="1:2">
      <c r="A815"/>
      <c r="B815"/>
    </row>
    <row r="816" spans="1:2">
      <c r="A816"/>
      <c r="B816"/>
    </row>
    <row r="817" spans="1:2">
      <c r="A817"/>
      <c r="B817"/>
    </row>
    <row r="818" spans="1:2">
      <c r="A818"/>
      <c r="B818"/>
    </row>
    <row r="819" spans="1:2">
      <c r="A819"/>
      <c r="B819"/>
    </row>
    <row r="820" spans="1:2">
      <c r="A820"/>
      <c r="B820"/>
    </row>
    <row r="821" spans="1:2">
      <c r="A821"/>
      <c r="B821"/>
    </row>
    <row r="822" spans="1:2">
      <c r="A822"/>
      <c r="B822"/>
    </row>
    <row r="823" spans="1:2">
      <c r="A823"/>
      <c r="B823"/>
    </row>
    <row r="824" spans="1:2">
      <c r="A824"/>
      <c r="B824"/>
    </row>
    <row r="825" spans="1:2">
      <c r="A825"/>
      <c r="B825"/>
    </row>
    <row r="826" spans="1:2">
      <c r="A826"/>
      <c r="B826"/>
    </row>
    <row r="827" spans="1:2">
      <c r="A827"/>
      <c r="B827"/>
    </row>
    <row r="828" spans="1:2">
      <c r="A828"/>
      <c r="B828"/>
    </row>
    <row r="829" spans="1:2">
      <c r="A829"/>
      <c r="B829"/>
    </row>
    <row r="830" spans="1:2">
      <c r="A830"/>
      <c r="B830"/>
    </row>
    <row r="831" spans="1:2">
      <c r="A831"/>
      <c r="B831"/>
    </row>
    <row r="832" spans="1:2">
      <c r="A832"/>
      <c r="B832"/>
    </row>
    <row r="833" spans="1:2">
      <c r="A833"/>
      <c r="B833"/>
    </row>
    <row r="834" spans="1:2">
      <c r="A834"/>
      <c r="B834"/>
    </row>
    <row r="835" spans="1:2">
      <c r="A835"/>
      <c r="B835"/>
    </row>
    <row r="836" spans="1:2">
      <c r="A836"/>
      <c r="B836"/>
    </row>
    <row r="837" spans="1:2">
      <c r="A837"/>
      <c r="B837"/>
    </row>
    <row r="838" spans="1:2">
      <c r="A838"/>
      <c r="B838"/>
    </row>
    <row r="839" spans="1:2">
      <c r="A839"/>
      <c r="B839"/>
    </row>
    <row r="840" spans="1:2">
      <c r="A840"/>
      <c r="B840"/>
    </row>
    <row r="841" spans="1:2">
      <c r="A841"/>
      <c r="B841"/>
    </row>
    <row r="842" spans="1:2">
      <c r="A842"/>
      <c r="B842"/>
    </row>
    <row r="843" spans="1:2">
      <c r="A843"/>
      <c r="B843"/>
    </row>
    <row r="844" spans="1:2">
      <c r="A844"/>
      <c r="B844"/>
    </row>
    <row r="845" spans="1:2">
      <c r="A845"/>
      <c r="B845"/>
    </row>
    <row r="846" spans="1:2">
      <c r="A846"/>
      <c r="B846"/>
    </row>
    <row r="847" spans="1:2">
      <c r="A847"/>
      <c r="B847"/>
    </row>
    <row r="848" spans="1:2">
      <c r="A848"/>
      <c r="B848"/>
    </row>
    <row r="849" spans="1:2">
      <c r="A849"/>
      <c r="B849"/>
    </row>
    <row r="850" spans="1:2">
      <c r="A850"/>
      <c r="B850"/>
    </row>
    <row r="851" spans="1:2">
      <c r="A851"/>
      <c r="B851"/>
    </row>
    <row r="852" spans="1:2">
      <c r="A852"/>
      <c r="B852"/>
    </row>
    <row r="853" spans="1:2">
      <c r="A853"/>
      <c r="B853"/>
    </row>
    <row r="854" spans="1:2">
      <c r="A854"/>
      <c r="B854"/>
    </row>
    <row r="855" spans="1:2">
      <c r="A855"/>
      <c r="B855"/>
    </row>
    <row r="856" spans="1:2">
      <c r="A856"/>
      <c r="B856"/>
    </row>
    <row r="857" spans="1:2">
      <c r="A857"/>
      <c r="B857"/>
    </row>
    <row r="858" spans="1:2">
      <c r="A858"/>
      <c r="B858"/>
    </row>
    <row r="859" spans="1:2">
      <c r="A859"/>
      <c r="B859"/>
    </row>
    <row r="860" spans="1:2">
      <c r="A860"/>
      <c r="B860"/>
    </row>
    <row r="861" spans="1:2">
      <c r="A861"/>
      <c r="B861"/>
    </row>
    <row r="862" spans="1:2">
      <c r="A862"/>
      <c r="B862"/>
    </row>
    <row r="863" spans="1:2">
      <c r="A863"/>
      <c r="B863"/>
    </row>
    <row r="864" spans="1:2">
      <c r="A864"/>
      <c r="B864"/>
    </row>
    <row r="865" spans="1:2">
      <c r="A865"/>
      <c r="B865"/>
    </row>
    <row r="866" spans="1:2">
      <c r="A866"/>
      <c r="B866"/>
    </row>
    <row r="867" spans="1:2">
      <c r="A867"/>
      <c r="B867"/>
    </row>
    <row r="868" spans="1:2">
      <c r="A868"/>
      <c r="B868"/>
    </row>
    <row r="869" spans="1:2">
      <c r="A869"/>
      <c r="B869"/>
    </row>
    <row r="870" spans="1:2">
      <c r="A870"/>
      <c r="B870"/>
    </row>
    <row r="871" spans="1:2">
      <c r="A871"/>
      <c r="B871"/>
    </row>
    <row r="872" spans="1:2">
      <c r="A872"/>
      <c r="B872"/>
    </row>
    <row r="873" spans="1:2">
      <c r="A873"/>
      <c r="B873"/>
    </row>
    <row r="874" spans="1:2">
      <c r="A874"/>
      <c r="B874"/>
    </row>
    <row r="875" spans="1:2">
      <c r="A875"/>
      <c r="B875"/>
    </row>
    <row r="876" spans="1:2">
      <c r="A876"/>
      <c r="B876"/>
    </row>
    <row r="877" spans="1:2">
      <c r="A877"/>
      <c r="B877"/>
    </row>
    <row r="878" spans="1:2">
      <c r="A878"/>
      <c r="B878"/>
    </row>
    <row r="879" spans="1:2">
      <c r="A879"/>
      <c r="B879"/>
    </row>
    <row r="880" spans="1:2">
      <c r="A880"/>
      <c r="B880"/>
    </row>
    <row r="881" spans="1:2">
      <c r="A881"/>
      <c r="B881"/>
    </row>
    <row r="882" spans="1:2">
      <c r="A882"/>
      <c r="B882"/>
    </row>
    <row r="883" spans="1:2">
      <c r="A883"/>
      <c r="B883"/>
    </row>
    <row r="884" spans="1:2">
      <c r="A884"/>
      <c r="B884"/>
    </row>
    <row r="885" spans="1:2">
      <c r="A885"/>
      <c r="B885"/>
    </row>
    <row r="886" spans="1:2">
      <c r="A886"/>
      <c r="B886"/>
    </row>
    <row r="887" spans="1:2">
      <c r="A887"/>
      <c r="B887"/>
    </row>
    <row r="888" spans="1:2">
      <c r="A888"/>
      <c r="B888"/>
    </row>
    <row r="889" spans="1:2">
      <c r="A889"/>
      <c r="B889"/>
    </row>
    <row r="890" spans="1:2">
      <c r="A890"/>
      <c r="B890"/>
    </row>
    <row r="891" spans="1:2">
      <c r="A891"/>
      <c r="B891"/>
    </row>
    <row r="892" spans="1:2">
      <c r="A892"/>
      <c r="B892"/>
    </row>
    <row r="893" spans="1:2">
      <c r="A893"/>
      <c r="B893"/>
    </row>
    <row r="894" spans="1:2">
      <c r="A894"/>
      <c r="B894"/>
    </row>
    <row r="895" spans="1:2">
      <c r="A895"/>
      <c r="B895"/>
    </row>
    <row r="896" spans="1:2">
      <c r="A896"/>
      <c r="B896"/>
    </row>
    <row r="897" spans="1:2">
      <c r="A897"/>
      <c r="B897"/>
    </row>
    <row r="898" spans="1:2">
      <c r="A898"/>
      <c r="B898"/>
    </row>
    <row r="899" spans="1:2">
      <c r="A899"/>
      <c r="B899"/>
    </row>
    <row r="900" spans="1:2">
      <c r="A900"/>
      <c r="B900"/>
    </row>
    <row r="901" spans="1:2">
      <c r="A901"/>
      <c r="B901"/>
    </row>
    <row r="902" spans="1:2">
      <c r="A902"/>
      <c r="B902"/>
    </row>
    <row r="903" spans="1:2">
      <c r="A903"/>
      <c r="B903"/>
    </row>
    <row r="904" spans="1:2">
      <c r="A904"/>
      <c r="B904"/>
    </row>
    <row r="905" spans="1:2">
      <c r="A905"/>
      <c r="B905"/>
    </row>
    <row r="906" spans="1:2">
      <c r="A906"/>
      <c r="B906"/>
    </row>
    <row r="907" spans="1:2">
      <c r="A907"/>
      <c r="B907"/>
    </row>
    <row r="908" spans="1:2">
      <c r="A908"/>
      <c r="B908"/>
    </row>
    <row r="909" spans="1:2">
      <c r="A909"/>
      <c r="B909"/>
    </row>
    <row r="910" spans="1:2">
      <c r="A910"/>
      <c r="B910"/>
    </row>
    <row r="911" spans="1:2">
      <c r="A911"/>
      <c r="B911"/>
    </row>
    <row r="912" spans="1:2">
      <c r="A912"/>
      <c r="B912"/>
    </row>
    <row r="913" spans="1:2">
      <c r="A913"/>
      <c r="B913"/>
    </row>
    <row r="914" spans="1:2">
      <c r="A914"/>
      <c r="B914"/>
    </row>
    <row r="915" spans="1:2">
      <c r="A915"/>
      <c r="B915"/>
    </row>
    <row r="916" spans="1:2">
      <c r="A916"/>
      <c r="B916"/>
    </row>
    <row r="917" spans="1:2">
      <c r="A917"/>
      <c r="B917"/>
    </row>
    <row r="918" spans="1:2">
      <c r="A918"/>
      <c r="B918"/>
    </row>
    <row r="919" spans="1:2">
      <c r="A919"/>
      <c r="B919"/>
    </row>
    <row r="920" spans="1:2">
      <c r="A920"/>
      <c r="B920"/>
    </row>
    <row r="921" spans="1:2">
      <c r="A921"/>
      <c r="B921"/>
    </row>
    <row r="922" spans="1:2">
      <c r="A922"/>
      <c r="B922"/>
    </row>
    <row r="923" spans="1:2">
      <c r="A923"/>
      <c r="B923"/>
    </row>
    <row r="924" spans="1:2">
      <c r="A924"/>
      <c r="B924"/>
    </row>
    <row r="925" spans="1:2">
      <c r="A925"/>
      <c r="B925"/>
    </row>
    <row r="926" spans="1:2">
      <c r="A926"/>
      <c r="B926"/>
    </row>
    <row r="927" spans="1:2">
      <c r="A927"/>
      <c r="B927"/>
    </row>
    <row r="928" spans="1:2">
      <c r="A928"/>
      <c r="B928"/>
    </row>
    <row r="929" spans="1:2">
      <c r="A929"/>
      <c r="B929"/>
    </row>
    <row r="930" spans="1:2">
      <c r="A930"/>
      <c r="B930"/>
    </row>
    <row r="931" spans="1:2">
      <c r="A931"/>
      <c r="B931"/>
    </row>
    <row r="932" spans="1:2">
      <c r="A932"/>
      <c r="B932"/>
    </row>
    <row r="933" spans="1:2">
      <c r="A933"/>
      <c r="B933"/>
    </row>
    <row r="934" spans="1:2">
      <c r="A934"/>
      <c r="B934"/>
    </row>
    <row r="935" spans="1:2">
      <c r="A935"/>
      <c r="B935"/>
    </row>
    <row r="936" spans="1:2">
      <c r="A936"/>
      <c r="B936"/>
    </row>
    <row r="937" spans="1:2">
      <c r="A937"/>
      <c r="B937"/>
    </row>
    <row r="938" spans="1:2">
      <c r="A938"/>
      <c r="B938"/>
    </row>
    <row r="939" spans="1:2">
      <c r="A939"/>
      <c r="B939"/>
    </row>
    <row r="940" spans="1:2">
      <c r="A940"/>
      <c r="B940"/>
    </row>
    <row r="941" spans="1:2">
      <c r="A941"/>
      <c r="B941"/>
    </row>
    <row r="942" spans="1:2">
      <c r="A942"/>
      <c r="B942"/>
    </row>
    <row r="943" spans="1:2">
      <c r="A943"/>
      <c r="B943"/>
    </row>
    <row r="944" spans="1:2">
      <c r="A944"/>
      <c r="B944"/>
    </row>
    <row r="945" spans="1:2">
      <c r="A945"/>
      <c r="B945"/>
    </row>
    <row r="946" spans="1:2">
      <c r="A946"/>
      <c r="B946"/>
    </row>
    <row r="947" spans="1:2">
      <c r="A947"/>
      <c r="B947"/>
    </row>
    <row r="948" spans="1:2">
      <c r="A948"/>
      <c r="B948"/>
    </row>
    <row r="949" spans="1:2">
      <c r="A949"/>
      <c r="B949"/>
    </row>
    <row r="950" spans="1:2">
      <c r="A950"/>
      <c r="B950"/>
    </row>
    <row r="951" spans="1:2">
      <c r="A951"/>
      <c r="B951"/>
    </row>
    <row r="952" spans="1:2">
      <c r="A952"/>
      <c r="B952"/>
    </row>
    <row r="953" spans="1:2">
      <c r="A953"/>
      <c r="B953"/>
    </row>
    <row r="954" spans="1:2">
      <c r="A954"/>
      <c r="B954"/>
    </row>
    <row r="955" spans="1:2">
      <c r="A955"/>
      <c r="B955"/>
    </row>
    <row r="956" spans="1:2">
      <c r="A956"/>
      <c r="B956"/>
    </row>
    <row r="957" spans="1:2">
      <c r="A957"/>
      <c r="B957"/>
    </row>
    <row r="958" spans="1:2">
      <c r="A958"/>
      <c r="B958"/>
    </row>
    <row r="959" spans="1:2">
      <c r="A959"/>
      <c r="B959"/>
    </row>
    <row r="960" spans="1:2">
      <c r="A960"/>
      <c r="B960"/>
    </row>
    <row r="961" spans="1:2">
      <c r="A961"/>
      <c r="B961"/>
    </row>
    <row r="962" spans="1:2">
      <c r="A962"/>
      <c r="B962"/>
    </row>
    <row r="963" spans="1:2">
      <c r="A963"/>
      <c r="B963"/>
    </row>
    <row r="964" spans="1:2">
      <c r="A964"/>
      <c r="B964"/>
    </row>
    <row r="965" spans="1:2">
      <c r="A965"/>
      <c r="B965"/>
    </row>
    <row r="966" spans="1:2">
      <c r="A966"/>
      <c r="B966"/>
    </row>
    <row r="967" spans="1:2">
      <c r="A967"/>
      <c r="B967"/>
    </row>
    <row r="968" spans="1:2">
      <c r="A968"/>
      <c r="B968"/>
    </row>
    <row r="969" spans="1:2">
      <c r="A969"/>
      <c r="B969"/>
    </row>
    <row r="970" spans="1:2">
      <c r="A970"/>
      <c r="B970"/>
    </row>
    <row r="971" spans="1:2">
      <c r="A971"/>
      <c r="B971"/>
    </row>
    <row r="972" spans="1:2">
      <c r="A972"/>
      <c r="B972"/>
    </row>
    <row r="973" spans="1:2">
      <c r="A973"/>
      <c r="B973"/>
    </row>
    <row r="974" spans="1:2">
      <c r="A974"/>
      <c r="B974"/>
    </row>
    <row r="975" spans="1:2">
      <c r="A975"/>
      <c r="B975"/>
    </row>
    <row r="976" spans="1:2">
      <c r="A976"/>
      <c r="B976"/>
    </row>
    <row r="977" spans="1:2">
      <c r="A977"/>
      <c r="B977"/>
    </row>
    <row r="978" spans="1:2">
      <c r="A978"/>
      <c r="B978"/>
    </row>
    <row r="979" spans="1:2">
      <c r="A979"/>
      <c r="B979"/>
    </row>
    <row r="980" spans="1:2">
      <c r="A980"/>
      <c r="B980"/>
    </row>
    <row r="981" spans="1:2">
      <c r="A981"/>
      <c r="B981"/>
    </row>
    <row r="982" spans="1:2">
      <c r="A982"/>
      <c r="B982"/>
    </row>
    <row r="983" spans="1:2">
      <c r="A983"/>
      <c r="B983"/>
    </row>
    <row r="984" spans="1:2">
      <c r="A984"/>
      <c r="B984"/>
    </row>
    <row r="985" spans="1:2">
      <c r="A985"/>
      <c r="B985"/>
    </row>
    <row r="986" spans="1:2">
      <c r="A986"/>
      <c r="B986"/>
    </row>
    <row r="987" spans="1:2">
      <c r="A987"/>
      <c r="B987"/>
    </row>
    <row r="988" spans="1:2">
      <c r="A988"/>
      <c r="B988"/>
    </row>
    <row r="989" spans="1:2">
      <c r="A989"/>
      <c r="B989"/>
    </row>
    <row r="990" spans="1:2">
      <c r="A990"/>
      <c r="B990"/>
    </row>
    <row r="991" spans="1:2">
      <c r="A991"/>
      <c r="B991"/>
    </row>
    <row r="992" spans="1:2">
      <c r="A992"/>
      <c r="B992"/>
    </row>
    <row r="993" spans="1:2">
      <c r="A993"/>
      <c r="B993"/>
    </row>
    <row r="994" spans="1:2">
      <c r="A994"/>
      <c r="B994"/>
    </row>
    <row r="995" spans="1:2">
      <c r="A995"/>
      <c r="B995"/>
    </row>
    <row r="996" spans="1:2">
      <c r="A996"/>
      <c r="B996"/>
    </row>
    <row r="997" spans="1:2">
      <c r="A997"/>
      <c r="B997"/>
    </row>
    <row r="998" spans="1:2">
      <c r="A998"/>
      <c r="B998"/>
    </row>
    <row r="999" spans="1:2">
      <c r="A999"/>
      <c r="B999"/>
    </row>
    <row r="1000" spans="1:2">
      <c r="A1000"/>
      <c r="B1000"/>
    </row>
    <row r="1001" spans="1:2">
      <c r="A1001"/>
      <c r="B1001"/>
    </row>
    <row r="1002" spans="1:2">
      <c r="A1002"/>
      <c r="B1002"/>
    </row>
    <row r="1003" spans="1:2">
      <c r="A1003"/>
      <c r="B1003"/>
    </row>
    <row r="1004" spans="1:2">
      <c r="A1004"/>
      <c r="B1004"/>
    </row>
    <row r="1005" spans="1:2">
      <c r="A1005"/>
      <c r="B1005"/>
    </row>
    <row r="1006" spans="1:2">
      <c r="A1006"/>
      <c r="B1006"/>
    </row>
    <row r="1007" spans="1:2">
      <c r="A1007"/>
      <c r="B1007"/>
    </row>
    <row r="1008" spans="1:2">
      <c r="A1008"/>
      <c r="B1008"/>
    </row>
    <row r="1009" spans="1:2">
      <c r="A1009"/>
      <c r="B1009"/>
    </row>
    <row r="1010" spans="1:2">
      <c r="A1010"/>
      <c r="B1010"/>
    </row>
    <row r="1011" spans="1:2">
      <c r="A1011"/>
      <c r="B1011"/>
    </row>
    <row r="1012" spans="1:2">
      <c r="A1012"/>
      <c r="B1012"/>
    </row>
    <row r="1013" spans="1:2">
      <c r="A1013"/>
      <c r="B1013"/>
    </row>
    <row r="1014" spans="1:2">
      <c r="A1014"/>
      <c r="B1014"/>
    </row>
    <row r="1015" spans="1:2">
      <c r="A1015"/>
      <c r="B1015"/>
    </row>
    <row r="1016" spans="1:2">
      <c r="A1016"/>
      <c r="B1016"/>
    </row>
    <row r="1017" spans="1:2">
      <c r="A1017"/>
      <c r="B1017"/>
    </row>
    <row r="1018" spans="1:2">
      <c r="A1018"/>
      <c r="B1018"/>
    </row>
    <row r="1019" spans="1:2">
      <c r="A1019"/>
      <c r="B1019"/>
    </row>
    <row r="1020" spans="1:2">
      <c r="A1020"/>
      <c r="B1020"/>
    </row>
    <row r="1021" spans="1:2">
      <c r="A1021"/>
      <c r="B1021"/>
    </row>
    <row r="1022" spans="1:2">
      <c r="A1022"/>
      <c r="B1022"/>
    </row>
    <row r="1023" spans="1:2">
      <c r="A1023"/>
      <c r="B1023"/>
    </row>
    <row r="1024" spans="1:2">
      <c r="A1024"/>
      <c r="B1024"/>
    </row>
    <row r="1025" spans="1:2">
      <c r="A1025"/>
      <c r="B1025"/>
    </row>
    <row r="1026" spans="1:2">
      <c r="A1026"/>
      <c r="B1026"/>
    </row>
    <row r="1027" spans="1:2">
      <c r="A1027"/>
      <c r="B1027"/>
    </row>
    <row r="1028" spans="1:2">
      <c r="A1028"/>
      <c r="B1028"/>
    </row>
    <row r="1029" spans="1:2">
      <c r="A1029"/>
      <c r="B1029"/>
    </row>
    <row r="1030" spans="1:2">
      <c r="A1030"/>
      <c r="B1030"/>
    </row>
    <row r="1031" spans="1:2">
      <c r="A1031"/>
      <c r="B1031"/>
    </row>
    <row r="1032" spans="1:2">
      <c r="A1032"/>
      <c r="B1032"/>
    </row>
    <row r="1033" spans="1:2">
      <c r="A1033"/>
      <c r="B1033"/>
    </row>
    <row r="1034" spans="1:2">
      <c r="A1034"/>
      <c r="B1034"/>
    </row>
    <row r="1035" spans="1:2">
      <c r="A1035"/>
      <c r="B1035"/>
    </row>
    <row r="1036" spans="1:2">
      <c r="A1036"/>
      <c r="B1036"/>
    </row>
    <row r="1037" spans="1:2">
      <c r="A1037"/>
      <c r="B1037"/>
    </row>
    <row r="1038" spans="1:2">
      <c r="A1038"/>
      <c r="B1038"/>
    </row>
    <row r="1039" spans="1:2">
      <c r="A1039"/>
      <c r="B1039"/>
    </row>
    <row r="1040" spans="1:2">
      <c r="A1040"/>
      <c r="B1040"/>
    </row>
    <row r="1041" spans="1:2">
      <c r="A1041"/>
      <c r="B1041"/>
    </row>
    <row r="1042" spans="1:2">
      <c r="A1042"/>
      <c r="B1042"/>
    </row>
    <row r="1043" spans="1:2">
      <c r="A1043"/>
      <c r="B1043"/>
    </row>
    <row r="1044" spans="1:2">
      <c r="A1044"/>
      <c r="B1044"/>
    </row>
    <row r="1045" spans="1:2">
      <c r="A1045"/>
      <c r="B1045"/>
    </row>
    <row r="1046" spans="1:2">
      <c r="A1046"/>
      <c r="B1046"/>
    </row>
    <row r="1047" spans="1:2">
      <c r="A1047"/>
      <c r="B1047"/>
    </row>
    <row r="1048" spans="1:2">
      <c r="A1048"/>
      <c r="B1048"/>
    </row>
    <row r="1049" spans="1:2">
      <c r="A1049"/>
      <c r="B1049"/>
    </row>
    <row r="1050" spans="1:2">
      <c r="A1050"/>
      <c r="B1050"/>
    </row>
    <row r="1051" spans="1:2">
      <c r="A1051"/>
      <c r="B1051"/>
    </row>
    <row r="1052" spans="1:2">
      <c r="A1052"/>
      <c r="B1052"/>
    </row>
    <row r="1053" spans="1:2">
      <c r="A1053"/>
      <c r="B1053"/>
    </row>
    <row r="1054" spans="1:2">
      <c r="A1054"/>
      <c r="B1054"/>
    </row>
    <row r="1055" spans="1:2">
      <c r="A1055"/>
      <c r="B1055"/>
    </row>
    <row r="1056" spans="1:2">
      <c r="A1056"/>
      <c r="B1056"/>
    </row>
    <row r="1057" spans="1:2">
      <c r="A1057"/>
      <c r="B1057"/>
    </row>
    <row r="1058" spans="1:2">
      <c r="A1058"/>
      <c r="B1058"/>
    </row>
    <row r="1059" spans="1:2">
      <c r="A1059"/>
      <c r="B1059"/>
    </row>
    <row r="1060" spans="1:2">
      <c r="A1060"/>
      <c r="B1060"/>
    </row>
    <row r="1061" spans="1:2">
      <c r="A1061"/>
      <c r="B1061"/>
    </row>
    <row r="1062" spans="1:2">
      <c r="A1062"/>
      <c r="B1062"/>
    </row>
    <row r="1063" spans="1:2">
      <c r="A1063"/>
      <c r="B1063"/>
    </row>
    <row r="1064" spans="1:2">
      <c r="A1064"/>
      <c r="B1064"/>
    </row>
    <row r="1065" spans="1:2">
      <c r="A1065"/>
      <c r="B1065"/>
    </row>
    <row r="1066" spans="1:2">
      <c r="A1066"/>
      <c r="B1066"/>
    </row>
    <row r="1067" spans="1:2">
      <c r="A1067"/>
      <c r="B1067"/>
    </row>
    <row r="1068" spans="1:2">
      <c r="A1068"/>
      <c r="B1068"/>
    </row>
    <row r="1069" spans="1:2">
      <c r="A1069"/>
      <c r="B1069"/>
    </row>
    <row r="1070" spans="1:2">
      <c r="A1070"/>
      <c r="B1070"/>
    </row>
    <row r="1071" spans="1:2">
      <c r="A1071"/>
      <c r="B1071"/>
    </row>
    <row r="1072" spans="1:2">
      <c r="A1072"/>
      <c r="B1072"/>
    </row>
    <row r="1073" spans="1:2">
      <c r="A1073"/>
      <c r="B1073"/>
    </row>
    <row r="1074" spans="1:2">
      <c r="A1074"/>
      <c r="B1074"/>
    </row>
    <row r="1075" spans="1:2">
      <c r="A1075"/>
      <c r="B1075"/>
    </row>
    <row r="1076" spans="1:2">
      <c r="A1076"/>
      <c r="B1076"/>
    </row>
    <row r="1077" spans="1:2">
      <c r="A1077"/>
      <c r="B1077"/>
    </row>
    <row r="1078" spans="1:2">
      <c r="A1078"/>
      <c r="B1078"/>
    </row>
    <row r="1079" spans="1:2">
      <c r="A1079"/>
      <c r="B1079"/>
    </row>
    <row r="1080" spans="1:2">
      <c r="A1080"/>
      <c r="B1080"/>
    </row>
    <row r="1081" spans="1:2">
      <c r="A1081"/>
      <c r="B1081"/>
    </row>
    <row r="1082" spans="1:2">
      <c r="A1082"/>
      <c r="B1082"/>
    </row>
    <row r="1083" spans="1:2">
      <c r="A1083"/>
      <c r="B1083"/>
    </row>
    <row r="1084" spans="1:2">
      <c r="A1084"/>
      <c r="B1084"/>
    </row>
    <row r="1085" spans="1:2">
      <c r="A1085"/>
      <c r="B1085"/>
    </row>
    <row r="1086" spans="1:2">
      <c r="A1086"/>
      <c r="B1086"/>
    </row>
    <row r="1087" spans="1:2">
      <c r="A1087"/>
      <c r="B1087"/>
    </row>
    <row r="1088" spans="1:2">
      <c r="A1088"/>
      <c r="B1088"/>
    </row>
    <row r="1089" spans="1:2">
      <c r="A1089"/>
      <c r="B1089"/>
    </row>
    <row r="1090" spans="1:2">
      <c r="A1090"/>
      <c r="B1090"/>
    </row>
    <row r="1091" spans="1:2">
      <c r="A1091"/>
      <c r="B1091"/>
    </row>
    <row r="1092" spans="1:2">
      <c r="A1092"/>
      <c r="B1092"/>
    </row>
    <row r="1093" spans="1:2">
      <c r="A1093"/>
      <c r="B1093"/>
    </row>
    <row r="1094" spans="1:2">
      <c r="A1094"/>
      <c r="B1094"/>
    </row>
    <row r="1095" spans="1:2">
      <c r="A1095"/>
      <c r="B1095"/>
    </row>
    <row r="1096" spans="1:2">
      <c r="A1096"/>
      <c r="B1096"/>
    </row>
    <row r="1097" spans="1:2">
      <c r="A1097"/>
      <c r="B1097"/>
    </row>
    <row r="1098" spans="1:2">
      <c r="A1098"/>
      <c r="B1098"/>
    </row>
    <row r="1099" spans="1:2">
      <c r="A1099"/>
      <c r="B1099"/>
    </row>
    <row r="1100" spans="1:2">
      <c r="A1100"/>
      <c r="B1100"/>
    </row>
    <row r="1101" spans="1:2">
      <c r="A1101"/>
      <c r="B1101"/>
    </row>
    <row r="1102" spans="1:2">
      <c r="A1102"/>
      <c r="B1102"/>
    </row>
    <row r="1103" spans="1:2">
      <c r="A1103"/>
      <c r="B1103"/>
    </row>
    <row r="1104" spans="1:2">
      <c r="A1104"/>
      <c r="B1104"/>
    </row>
    <row r="1105" spans="1:2">
      <c r="A1105"/>
      <c r="B1105"/>
    </row>
    <row r="1106" spans="1:2">
      <c r="A1106"/>
      <c r="B1106"/>
    </row>
    <row r="1107" spans="1:2">
      <c r="A1107"/>
      <c r="B1107"/>
    </row>
    <row r="1108" spans="1:2">
      <c r="A1108"/>
      <c r="B1108"/>
    </row>
    <row r="1109" spans="1:2">
      <c r="A1109"/>
      <c r="B1109"/>
    </row>
    <row r="1110" spans="1:2">
      <c r="A1110"/>
      <c r="B1110"/>
    </row>
    <row r="1111" spans="1:2">
      <c r="A1111"/>
      <c r="B1111"/>
    </row>
    <row r="1112" spans="1:2">
      <c r="A1112"/>
      <c r="B1112"/>
    </row>
    <row r="1113" spans="1:2">
      <c r="A1113"/>
      <c r="B1113"/>
    </row>
    <row r="1114" spans="1:2">
      <c r="A1114"/>
      <c r="B1114"/>
    </row>
    <row r="1115" spans="1:2">
      <c r="A1115"/>
      <c r="B1115"/>
    </row>
    <row r="1116" spans="1:2">
      <c r="A1116"/>
      <c r="B1116"/>
    </row>
    <row r="1117" spans="1:2">
      <c r="A1117"/>
      <c r="B1117"/>
    </row>
    <row r="1118" spans="1:2">
      <c r="A1118"/>
      <c r="B1118"/>
    </row>
    <row r="1119" spans="1:2">
      <c r="A1119"/>
      <c r="B1119"/>
    </row>
    <row r="1120" spans="1:2">
      <c r="A1120"/>
      <c r="B1120"/>
    </row>
    <row r="1121" spans="1:2">
      <c r="A1121"/>
      <c r="B1121"/>
    </row>
    <row r="1122" spans="1:2">
      <c r="A1122"/>
      <c r="B1122"/>
    </row>
    <row r="1123" spans="1:2">
      <c r="A1123"/>
      <c r="B1123"/>
    </row>
    <row r="1124" spans="1:2">
      <c r="A1124"/>
      <c r="B1124"/>
    </row>
    <row r="1125" spans="1:2">
      <c r="A1125"/>
      <c r="B1125"/>
    </row>
    <row r="1126" spans="1:2">
      <c r="A1126"/>
      <c r="B1126"/>
    </row>
    <row r="1127" spans="1:2">
      <c r="A1127"/>
      <c r="B1127"/>
    </row>
  </sheetData>
  <mergeCells count="26">
    <mergeCell ref="B175:B234"/>
    <mergeCell ref="C175:C200"/>
    <mergeCell ref="C202:C231"/>
    <mergeCell ref="D177:D179"/>
    <mergeCell ref="D180:D183"/>
    <mergeCell ref="D184:D190"/>
    <mergeCell ref="D191:D193"/>
    <mergeCell ref="D194:D196"/>
    <mergeCell ref="D197:D199"/>
    <mergeCell ref="D203:D205"/>
    <mergeCell ref="D206:D221"/>
    <mergeCell ref="D222:D224"/>
    <mergeCell ref="D225:D227"/>
    <mergeCell ref="D228:D230"/>
    <mergeCell ref="B2:D2"/>
    <mergeCell ref="F33:F50"/>
    <mergeCell ref="F51:F65"/>
    <mergeCell ref="F66:F83"/>
    <mergeCell ref="F84:F101"/>
    <mergeCell ref="B3:D25"/>
    <mergeCell ref="B26:D174"/>
    <mergeCell ref="F102:F118"/>
    <mergeCell ref="F119:F135"/>
    <mergeCell ref="F136:F148"/>
    <mergeCell ref="F150:F156"/>
    <mergeCell ref="F157:F163"/>
  </mergeCells>
  <pageMargins left="0.7" right="0.7" top="0.75" bottom="0.75" header="0.3" footer="0.3"/>
  <pageSetup paperSize="9" orientation="portrait" horizontalDpi="300" verticalDpi="30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H1525"/>
  <sheetViews>
    <sheetView zoomScale="77" workbookViewId="0">
      <selection activeCell="K16" sqref="K16"/>
    </sheetView>
  </sheetViews>
  <sheetFormatPr defaultRowHeight="15"/>
  <cols>
    <col min="1" max="1" width="9.140625" customWidth="1"/>
    <col min="2" max="2" width="3.28515625" customWidth="1"/>
    <col min="3" max="3" width="3.140625" customWidth="1"/>
    <col min="4" max="4" width="2.85546875" customWidth="1"/>
    <col min="5" max="5" width="78.42578125" bestFit="1" customWidth="1"/>
    <col min="6" max="6" width="47.42578125" style="14" customWidth="1"/>
    <col min="8" max="8" width="30.85546875" customWidth="1"/>
    <col min="9" max="9" width="9.140625" customWidth="1"/>
  </cols>
  <sheetData>
    <row r="1" spans="1:8">
      <c r="A1" s="1"/>
    </row>
    <row r="2" spans="1:8" ht="16.5" customHeight="1">
      <c r="A2" s="3"/>
      <c r="B2" s="70" t="s">
        <v>8</v>
      </c>
      <c r="C2" s="71"/>
      <c r="D2" s="71"/>
      <c r="E2" s="15" t="s">
        <v>9</v>
      </c>
      <c r="F2" s="16" t="s">
        <v>10</v>
      </c>
    </row>
    <row r="3" spans="1:8" ht="14.45" customHeight="1">
      <c r="A3" s="4"/>
      <c r="B3" s="75" t="s">
        <v>230</v>
      </c>
      <c r="C3" s="76"/>
      <c r="D3" s="77"/>
      <c r="E3" s="34" t="s">
        <v>12</v>
      </c>
      <c r="F3" s="35"/>
      <c r="H3" s="69" t="s">
        <v>249</v>
      </c>
    </row>
    <row r="4" spans="1:8">
      <c r="A4" s="5"/>
      <c r="B4" s="78"/>
      <c r="C4" s="79"/>
      <c r="D4" s="80"/>
      <c r="E4" s="36" t="s">
        <v>13</v>
      </c>
      <c r="F4" s="37"/>
      <c r="H4" s="96"/>
    </row>
    <row r="5" spans="1:8" ht="30">
      <c r="A5" s="5"/>
      <c r="B5" s="78"/>
      <c r="C5" s="79"/>
      <c r="D5" s="80"/>
      <c r="E5" s="40" t="s">
        <v>164</v>
      </c>
      <c r="F5" s="39" t="s">
        <v>14</v>
      </c>
      <c r="H5" s="96"/>
    </row>
    <row r="6" spans="1:8">
      <c r="A6" s="5"/>
      <c r="B6" s="78"/>
      <c r="C6" s="79"/>
      <c r="D6" s="80"/>
      <c r="E6" s="36" t="s">
        <v>15</v>
      </c>
      <c r="F6" s="37"/>
      <c r="H6" s="96"/>
    </row>
    <row r="7" spans="1:8">
      <c r="A7" s="5"/>
      <c r="B7" s="78"/>
      <c r="C7" s="79"/>
      <c r="D7" s="80"/>
      <c r="E7" s="36" t="s">
        <v>16</v>
      </c>
      <c r="F7" s="37"/>
      <c r="H7" s="96"/>
    </row>
    <row r="8" spans="1:8">
      <c r="A8" s="5"/>
      <c r="B8" s="78"/>
      <c r="C8" s="79"/>
      <c r="D8" s="80"/>
      <c r="E8" s="36" t="s">
        <v>17</v>
      </c>
      <c r="F8" s="37"/>
      <c r="H8" s="96"/>
    </row>
    <row r="9" spans="1:8">
      <c r="A9" s="5"/>
      <c r="B9" s="78"/>
      <c r="C9" s="79"/>
      <c r="D9" s="80"/>
      <c r="E9" s="36" t="s">
        <v>18</v>
      </c>
      <c r="F9" s="37"/>
      <c r="H9" s="96"/>
    </row>
    <row r="10" spans="1:8">
      <c r="A10" s="5"/>
      <c r="B10" s="78"/>
      <c r="C10" s="79"/>
      <c r="D10" s="80"/>
      <c r="E10" s="38" t="s">
        <v>19</v>
      </c>
      <c r="F10" s="39" t="s">
        <v>20</v>
      </c>
      <c r="H10" s="96"/>
    </row>
    <row r="11" spans="1:8">
      <c r="A11" s="5"/>
      <c r="B11" s="78"/>
      <c r="C11" s="79"/>
      <c r="D11" s="80"/>
      <c r="E11" s="36" t="s">
        <v>21</v>
      </c>
      <c r="F11" s="37"/>
    </row>
    <row r="12" spans="1:8">
      <c r="A12" s="5"/>
      <c r="B12" s="78"/>
      <c r="C12" s="79"/>
      <c r="D12" s="80"/>
      <c r="E12" s="36" t="s">
        <v>22</v>
      </c>
      <c r="F12" s="37"/>
    </row>
    <row r="13" spans="1:8">
      <c r="A13" s="5"/>
      <c r="B13" s="78"/>
      <c r="C13" s="79"/>
      <c r="D13" s="80"/>
      <c r="E13" s="36" t="s">
        <v>17</v>
      </c>
      <c r="F13" s="37"/>
    </row>
    <row r="14" spans="1:8">
      <c r="A14" s="5"/>
      <c r="B14" s="78"/>
      <c r="C14" s="79"/>
      <c r="D14" s="80"/>
      <c r="E14" s="36" t="s">
        <v>18</v>
      </c>
      <c r="F14" s="37"/>
    </row>
    <row r="15" spans="1:8">
      <c r="A15" s="5"/>
      <c r="B15" s="78"/>
      <c r="C15" s="79"/>
      <c r="D15" s="80"/>
      <c r="E15" s="38" t="s">
        <v>23</v>
      </c>
      <c r="F15" s="39" t="s">
        <v>24</v>
      </c>
    </row>
    <row r="16" spans="1:8">
      <c r="A16" s="5"/>
      <c r="B16" s="78"/>
      <c r="C16" s="79"/>
      <c r="D16" s="80"/>
      <c r="E16" s="36" t="s">
        <v>25</v>
      </c>
      <c r="F16" s="37"/>
    </row>
    <row r="17" spans="1:6">
      <c r="A17" s="5"/>
      <c r="B17" s="78"/>
      <c r="C17" s="79"/>
      <c r="D17" s="80"/>
      <c r="E17" s="36" t="s">
        <v>26</v>
      </c>
      <c r="F17" s="37"/>
    </row>
    <row r="18" spans="1:6">
      <c r="A18" s="5"/>
      <c r="B18" s="78"/>
      <c r="C18" s="79"/>
      <c r="D18" s="80"/>
      <c r="E18" s="36" t="s">
        <v>27</v>
      </c>
      <c r="F18" s="37"/>
    </row>
    <row r="19" spans="1:6">
      <c r="A19" s="5"/>
      <c r="B19" s="78"/>
      <c r="C19" s="79"/>
      <c r="D19" s="80"/>
      <c r="E19" s="36" t="s">
        <v>28</v>
      </c>
      <c r="F19" s="37"/>
    </row>
    <row r="20" spans="1:6">
      <c r="A20" s="5"/>
      <c r="B20" s="78"/>
      <c r="C20" s="79"/>
      <c r="D20" s="80"/>
      <c r="E20" s="38" t="s">
        <v>29</v>
      </c>
      <c r="F20" s="39" t="s">
        <v>20</v>
      </c>
    </row>
    <row r="21" spans="1:6">
      <c r="A21" s="5"/>
      <c r="B21" s="78"/>
      <c r="C21" s="79"/>
      <c r="D21" s="80"/>
      <c r="E21" s="38" t="s">
        <v>30</v>
      </c>
      <c r="F21" s="39" t="s">
        <v>31</v>
      </c>
    </row>
    <row r="22" spans="1:6">
      <c r="A22" s="5"/>
      <c r="B22" s="78"/>
      <c r="C22" s="79"/>
      <c r="D22" s="80"/>
      <c r="E22" s="36" t="s">
        <v>25</v>
      </c>
      <c r="F22" s="37"/>
    </row>
    <row r="23" spans="1:6">
      <c r="A23" s="5"/>
      <c r="B23" s="78"/>
      <c r="C23" s="79"/>
      <c r="D23" s="80"/>
      <c r="E23" s="36" t="s">
        <v>32</v>
      </c>
      <c r="F23" s="37"/>
    </row>
    <row r="24" spans="1:6">
      <c r="A24" s="5"/>
      <c r="B24" s="78"/>
      <c r="C24" s="79"/>
      <c r="D24" s="80"/>
      <c r="E24" s="36" t="s">
        <v>33</v>
      </c>
      <c r="F24" s="37"/>
    </row>
    <row r="25" spans="1:6">
      <c r="A25" s="5"/>
      <c r="B25" s="78"/>
      <c r="C25" s="79"/>
      <c r="D25" s="80"/>
      <c r="E25" s="36" t="s">
        <v>34</v>
      </c>
      <c r="F25" s="37"/>
    </row>
    <row r="26" spans="1:6" ht="14.45" customHeight="1">
      <c r="A26" s="5"/>
      <c r="B26" s="97"/>
      <c r="C26" s="98"/>
      <c r="D26" s="99"/>
      <c r="E26" s="46" t="s">
        <v>35</v>
      </c>
      <c r="F26" s="19"/>
    </row>
    <row r="27" spans="1:6">
      <c r="A27" s="5"/>
      <c r="B27" s="100"/>
      <c r="C27" s="101"/>
      <c r="D27" s="102"/>
      <c r="E27" s="47" t="s">
        <v>36</v>
      </c>
      <c r="F27" s="21"/>
    </row>
    <row r="28" spans="1:6">
      <c r="A28" s="5"/>
      <c r="B28" s="100"/>
      <c r="C28" s="101"/>
      <c r="D28" s="102"/>
      <c r="E28" s="47" t="s">
        <v>165</v>
      </c>
      <c r="F28" s="21" t="s">
        <v>166</v>
      </c>
    </row>
    <row r="29" spans="1:6">
      <c r="A29" s="5"/>
      <c r="B29" s="100"/>
      <c r="C29" s="101"/>
      <c r="D29" s="102"/>
      <c r="E29" s="47" t="s">
        <v>167</v>
      </c>
      <c r="F29" s="21"/>
    </row>
    <row r="30" spans="1:6">
      <c r="A30" s="5"/>
      <c r="B30" s="100"/>
      <c r="C30" s="101"/>
      <c r="D30" s="102"/>
      <c r="E30" s="47" t="s">
        <v>168</v>
      </c>
      <c r="F30" s="21"/>
    </row>
    <row r="31" spans="1:6">
      <c r="A31" s="5"/>
      <c r="B31" s="100"/>
      <c r="C31" s="101"/>
      <c r="D31" s="102"/>
      <c r="E31" s="47" t="s">
        <v>41</v>
      </c>
      <c r="F31" s="21"/>
    </row>
    <row r="32" spans="1:6">
      <c r="A32" s="5"/>
      <c r="B32" s="100"/>
      <c r="C32" s="101"/>
      <c r="D32" s="102"/>
      <c r="E32" s="47" t="s">
        <v>42</v>
      </c>
      <c r="F32" s="21" t="s">
        <v>169</v>
      </c>
    </row>
    <row r="33" spans="1:6">
      <c r="A33" s="5"/>
      <c r="B33" s="100"/>
      <c r="C33" s="101"/>
      <c r="D33" s="102"/>
      <c r="E33" s="47" t="s">
        <v>43</v>
      </c>
      <c r="F33" s="21"/>
    </row>
    <row r="34" spans="1:6">
      <c r="A34" s="5"/>
      <c r="B34" s="100"/>
      <c r="C34" s="101"/>
      <c r="D34" s="102"/>
      <c r="E34" s="47" t="s">
        <v>45</v>
      </c>
      <c r="F34" s="21"/>
    </row>
    <row r="35" spans="1:6">
      <c r="A35" s="5"/>
      <c r="B35" s="100"/>
      <c r="C35" s="101"/>
      <c r="D35" s="102"/>
      <c r="E35" s="47" t="s">
        <v>170</v>
      </c>
      <c r="F35" s="21"/>
    </row>
    <row r="36" spans="1:6">
      <c r="A36" s="5"/>
      <c r="B36" s="100"/>
      <c r="C36" s="101"/>
      <c r="D36" s="102"/>
      <c r="E36" s="47" t="s">
        <v>46</v>
      </c>
      <c r="F36" s="21"/>
    </row>
    <row r="37" spans="1:6">
      <c r="A37" s="5"/>
      <c r="B37" s="100"/>
      <c r="C37" s="101"/>
      <c r="D37" s="102"/>
      <c r="E37" s="47" t="s">
        <v>47</v>
      </c>
      <c r="F37" s="21"/>
    </row>
    <row r="38" spans="1:6">
      <c r="A38" s="5"/>
      <c r="B38" s="100"/>
      <c r="C38" s="101"/>
      <c r="D38" s="102"/>
      <c r="E38" s="47" t="s">
        <v>171</v>
      </c>
      <c r="F38" s="21"/>
    </row>
    <row r="39" spans="1:6">
      <c r="A39" s="5"/>
      <c r="B39" s="100"/>
      <c r="C39" s="101"/>
      <c r="D39" s="102"/>
      <c r="E39" s="47" t="s">
        <v>49</v>
      </c>
      <c r="F39" s="21"/>
    </row>
    <row r="40" spans="1:6">
      <c r="A40" s="5"/>
      <c r="B40" s="100"/>
      <c r="C40" s="101"/>
      <c r="D40" s="102"/>
      <c r="E40" s="47" t="s">
        <v>172</v>
      </c>
      <c r="F40" s="21"/>
    </row>
    <row r="41" spans="1:6">
      <c r="A41" s="5"/>
      <c r="B41" s="100"/>
      <c r="C41" s="101"/>
      <c r="D41" s="102"/>
      <c r="E41" s="47" t="s">
        <v>76</v>
      </c>
      <c r="F41" s="21"/>
    </row>
    <row r="42" spans="1:6">
      <c r="A42" s="5"/>
      <c r="B42" s="100"/>
      <c r="C42" s="101"/>
      <c r="D42" s="102"/>
      <c r="E42" s="47" t="s">
        <v>173</v>
      </c>
      <c r="F42" s="21"/>
    </row>
    <row r="43" spans="1:6">
      <c r="A43" s="5"/>
      <c r="B43" s="100"/>
      <c r="C43" s="101"/>
      <c r="D43" s="102"/>
      <c r="E43" s="47" t="s">
        <v>174</v>
      </c>
      <c r="F43" s="21"/>
    </row>
    <row r="44" spans="1:6">
      <c r="A44" s="5"/>
      <c r="B44" s="100"/>
      <c r="C44" s="101"/>
      <c r="D44" s="102"/>
      <c r="E44" s="47" t="s">
        <v>55</v>
      </c>
      <c r="F44" s="21"/>
    </row>
    <row r="45" spans="1:6">
      <c r="A45" s="5"/>
      <c r="B45" s="100"/>
      <c r="C45" s="101"/>
      <c r="D45" s="102"/>
      <c r="E45" s="47" t="s">
        <v>175</v>
      </c>
      <c r="F45" s="21"/>
    </row>
    <row r="46" spans="1:6">
      <c r="A46" s="5"/>
      <c r="B46" s="100"/>
      <c r="C46" s="101"/>
      <c r="D46" s="102"/>
      <c r="E46" s="47" t="s">
        <v>57</v>
      </c>
      <c r="F46" s="21"/>
    </row>
    <row r="47" spans="1:6">
      <c r="A47" s="5"/>
      <c r="B47" s="100"/>
      <c r="C47" s="101"/>
      <c r="D47" s="102"/>
      <c r="E47" s="47" t="s">
        <v>176</v>
      </c>
      <c r="F47" s="21"/>
    </row>
    <row r="48" spans="1:6">
      <c r="A48" s="5"/>
      <c r="B48" s="100"/>
      <c r="C48" s="101"/>
      <c r="D48" s="102"/>
      <c r="E48" s="47" t="s">
        <v>177</v>
      </c>
      <c r="F48" s="21"/>
    </row>
    <row r="49" spans="1:6">
      <c r="A49" s="5"/>
      <c r="B49" s="100"/>
      <c r="C49" s="101"/>
      <c r="D49" s="102"/>
      <c r="E49" s="47" t="s">
        <v>178</v>
      </c>
      <c r="F49" s="21"/>
    </row>
    <row r="50" spans="1:6">
      <c r="A50" s="5"/>
      <c r="B50" s="100"/>
      <c r="C50" s="101"/>
      <c r="D50" s="102"/>
      <c r="E50" s="47" t="s">
        <v>179</v>
      </c>
      <c r="F50" s="21"/>
    </row>
    <row r="51" spans="1:6">
      <c r="A51" s="5"/>
      <c r="B51" s="100"/>
      <c r="C51" s="101"/>
      <c r="D51" s="102"/>
      <c r="E51" s="47" t="s">
        <v>180</v>
      </c>
      <c r="F51" s="21"/>
    </row>
    <row r="52" spans="1:6">
      <c r="A52" s="5"/>
      <c r="B52" s="100"/>
      <c r="C52" s="101"/>
      <c r="D52" s="102"/>
      <c r="E52" s="47" t="s">
        <v>181</v>
      </c>
      <c r="F52" s="21"/>
    </row>
    <row r="53" spans="1:6">
      <c r="A53" s="5"/>
      <c r="B53" s="100"/>
      <c r="C53" s="101"/>
      <c r="D53" s="102"/>
      <c r="E53" s="47" t="s">
        <v>182</v>
      </c>
      <c r="F53" s="21"/>
    </row>
    <row r="54" spans="1:6">
      <c r="A54" s="5"/>
      <c r="B54" s="100"/>
      <c r="C54" s="101"/>
      <c r="D54" s="102"/>
      <c r="E54" s="47" t="s">
        <v>183</v>
      </c>
      <c r="F54" s="21"/>
    </row>
    <row r="55" spans="1:6">
      <c r="A55" s="5"/>
      <c r="B55" s="100"/>
      <c r="C55" s="101"/>
      <c r="D55" s="102"/>
      <c r="E55" s="47" t="s">
        <v>184</v>
      </c>
      <c r="F55" s="21"/>
    </row>
    <row r="56" spans="1:6">
      <c r="A56" s="5"/>
      <c r="B56" s="100"/>
      <c r="C56" s="101"/>
      <c r="D56" s="102"/>
      <c r="E56" s="47" t="s">
        <v>185</v>
      </c>
      <c r="F56" s="21"/>
    </row>
    <row r="57" spans="1:6">
      <c r="A57" s="5"/>
      <c r="B57" s="100"/>
      <c r="C57" s="101"/>
      <c r="D57" s="102"/>
      <c r="E57" s="47" t="s">
        <v>186</v>
      </c>
      <c r="F57" s="21"/>
    </row>
    <row r="58" spans="1:6">
      <c r="A58" s="5"/>
      <c r="B58" s="100"/>
      <c r="C58" s="101"/>
      <c r="D58" s="102"/>
      <c r="E58" s="47" t="s">
        <v>179</v>
      </c>
      <c r="F58" s="21"/>
    </row>
    <row r="59" spans="1:6">
      <c r="A59" s="5"/>
      <c r="B59" s="100"/>
      <c r="C59" s="101"/>
      <c r="D59" s="102"/>
      <c r="E59" s="47" t="s">
        <v>180</v>
      </c>
      <c r="F59" s="21"/>
    </row>
    <row r="60" spans="1:6">
      <c r="A60" s="5"/>
      <c r="B60" s="100"/>
      <c r="C60" s="101"/>
      <c r="D60" s="102"/>
      <c r="E60" s="47" t="s">
        <v>187</v>
      </c>
      <c r="F60" s="21"/>
    </row>
    <row r="61" spans="1:6">
      <c r="A61" s="5"/>
      <c r="B61" s="100"/>
      <c r="C61" s="101"/>
      <c r="D61" s="102"/>
      <c r="E61" s="47" t="s">
        <v>182</v>
      </c>
      <c r="F61" s="21"/>
    </row>
    <row r="62" spans="1:6">
      <c r="A62" s="5"/>
      <c r="B62" s="100"/>
      <c r="C62" s="101"/>
      <c r="D62" s="102"/>
      <c r="E62" s="47" t="s">
        <v>188</v>
      </c>
      <c r="F62" s="21"/>
    </row>
    <row r="63" spans="1:6">
      <c r="A63" s="5"/>
      <c r="B63" s="100"/>
      <c r="C63" s="101"/>
      <c r="D63" s="102"/>
      <c r="E63" s="47" t="s">
        <v>184</v>
      </c>
      <c r="F63" s="21"/>
    </row>
    <row r="64" spans="1:6">
      <c r="A64" s="5"/>
      <c r="B64" s="100"/>
      <c r="C64" s="101"/>
      <c r="D64" s="102"/>
      <c r="E64" s="47" t="s">
        <v>189</v>
      </c>
      <c r="F64" s="21"/>
    </row>
    <row r="65" spans="1:6">
      <c r="A65" s="5"/>
      <c r="B65" s="100"/>
      <c r="C65" s="101"/>
      <c r="D65" s="102"/>
      <c r="E65" s="47" t="s">
        <v>58</v>
      </c>
      <c r="F65" s="21"/>
    </row>
    <row r="66" spans="1:6">
      <c r="A66" s="5"/>
      <c r="B66" s="100"/>
      <c r="C66" s="101"/>
      <c r="D66" s="102"/>
      <c r="E66" s="47" t="s">
        <v>59</v>
      </c>
      <c r="F66" s="21"/>
    </row>
    <row r="67" spans="1:6">
      <c r="A67" s="5"/>
      <c r="B67" s="100"/>
      <c r="C67" s="101"/>
      <c r="D67" s="102"/>
      <c r="E67" s="47" t="s">
        <v>43</v>
      </c>
      <c r="F67" s="21" t="s">
        <v>190</v>
      </c>
    </row>
    <row r="68" spans="1:6">
      <c r="A68" s="5"/>
      <c r="B68" s="100"/>
      <c r="C68" s="101"/>
      <c r="D68" s="102"/>
      <c r="E68" s="47" t="s">
        <v>45</v>
      </c>
      <c r="F68" s="21"/>
    </row>
    <row r="69" spans="1:6">
      <c r="A69" s="5"/>
      <c r="B69" s="100"/>
      <c r="C69" s="101"/>
      <c r="D69" s="102"/>
      <c r="E69" s="47" t="s">
        <v>191</v>
      </c>
      <c r="F69" s="21"/>
    </row>
    <row r="70" spans="1:6">
      <c r="A70" s="5"/>
      <c r="B70" s="100"/>
      <c r="C70" s="101"/>
      <c r="D70" s="102"/>
      <c r="E70" s="47" t="s">
        <v>47</v>
      </c>
      <c r="F70" s="21"/>
    </row>
    <row r="71" spans="1:6">
      <c r="A71" s="5"/>
      <c r="B71" s="100"/>
      <c r="C71" s="101"/>
      <c r="D71" s="102"/>
      <c r="E71" s="47" t="s">
        <v>62</v>
      </c>
      <c r="F71" s="21"/>
    </row>
    <row r="72" spans="1:6">
      <c r="A72" s="5"/>
      <c r="B72" s="100"/>
      <c r="C72" s="101"/>
      <c r="D72" s="102"/>
      <c r="E72" s="47" t="s">
        <v>49</v>
      </c>
      <c r="F72" s="21"/>
    </row>
    <row r="73" spans="1:6">
      <c r="A73" s="5"/>
      <c r="B73" s="100"/>
      <c r="C73" s="101"/>
      <c r="D73" s="102"/>
      <c r="E73" s="47" t="s">
        <v>63</v>
      </c>
      <c r="F73" s="21"/>
    </row>
    <row r="74" spans="1:6">
      <c r="A74" s="5"/>
      <c r="B74" s="100"/>
      <c r="C74" s="101"/>
      <c r="D74" s="102"/>
      <c r="E74" s="47" t="s">
        <v>64</v>
      </c>
      <c r="F74" s="21"/>
    </row>
    <row r="75" spans="1:6">
      <c r="A75" s="5"/>
      <c r="B75" s="100"/>
      <c r="C75" s="101"/>
      <c r="D75" s="102"/>
      <c r="E75" s="47" t="s">
        <v>65</v>
      </c>
      <c r="F75" s="21"/>
    </row>
    <row r="76" spans="1:6">
      <c r="A76" s="5"/>
      <c r="B76" s="100"/>
      <c r="C76" s="101"/>
      <c r="D76" s="102"/>
      <c r="E76" s="47" t="s">
        <v>66</v>
      </c>
      <c r="F76" s="21"/>
    </row>
    <row r="77" spans="1:6">
      <c r="A77" s="5"/>
      <c r="B77" s="100"/>
      <c r="C77" s="101"/>
      <c r="D77" s="102"/>
      <c r="E77" s="47" t="s">
        <v>55</v>
      </c>
      <c r="F77" s="21"/>
    </row>
    <row r="78" spans="1:6">
      <c r="A78" s="5"/>
      <c r="B78" s="100"/>
      <c r="C78" s="101"/>
      <c r="D78" s="102"/>
      <c r="E78" s="47" t="s">
        <v>192</v>
      </c>
      <c r="F78" s="21"/>
    </row>
    <row r="79" spans="1:6">
      <c r="A79" s="5"/>
      <c r="B79" s="100"/>
      <c r="C79" s="101"/>
      <c r="D79" s="102"/>
      <c r="E79" s="47" t="s">
        <v>57</v>
      </c>
      <c r="F79" s="21"/>
    </row>
    <row r="80" spans="1:6">
      <c r="A80" s="5"/>
      <c r="B80" s="100"/>
      <c r="C80" s="101"/>
      <c r="D80" s="102"/>
      <c r="E80" s="47" t="s">
        <v>178</v>
      </c>
      <c r="F80" s="21"/>
    </row>
    <row r="81" spans="1:6">
      <c r="A81" s="5"/>
      <c r="B81" s="100"/>
      <c r="C81" s="101"/>
      <c r="D81" s="102"/>
      <c r="E81" s="47" t="s">
        <v>179</v>
      </c>
      <c r="F81" s="21"/>
    </row>
    <row r="82" spans="1:6">
      <c r="A82" s="5"/>
      <c r="B82" s="100"/>
      <c r="C82" s="101"/>
      <c r="D82" s="102"/>
      <c r="E82" s="47" t="s">
        <v>180</v>
      </c>
      <c r="F82" s="21"/>
    </row>
    <row r="83" spans="1:6">
      <c r="A83" s="5"/>
      <c r="B83" s="100"/>
      <c r="C83" s="101"/>
      <c r="D83" s="102"/>
      <c r="E83" s="47" t="s">
        <v>86</v>
      </c>
      <c r="F83" s="21"/>
    </row>
    <row r="84" spans="1:6">
      <c r="A84" s="5"/>
      <c r="B84" s="100"/>
      <c r="C84" s="101"/>
      <c r="D84" s="102"/>
      <c r="E84" s="47" t="s">
        <v>182</v>
      </c>
      <c r="F84" s="21"/>
    </row>
    <row r="85" spans="1:6">
      <c r="A85" s="5"/>
      <c r="B85" s="100"/>
      <c r="C85" s="101"/>
      <c r="D85" s="102"/>
      <c r="E85" s="47" t="s">
        <v>193</v>
      </c>
      <c r="F85" s="21"/>
    </row>
    <row r="86" spans="1:6">
      <c r="A86" s="5"/>
      <c r="B86" s="100"/>
      <c r="C86" s="101"/>
      <c r="D86" s="102"/>
      <c r="E86" s="47" t="s">
        <v>184</v>
      </c>
      <c r="F86" s="21"/>
    </row>
    <row r="87" spans="1:6">
      <c r="A87" s="5"/>
      <c r="B87" s="100"/>
      <c r="C87" s="101"/>
      <c r="D87" s="102"/>
      <c r="E87" s="47" t="s">
        <v>185</v>
      </c>
      <c r="F87" s="21"/>
    </row>
    <row r="88" spans="1:6">
      <c r="A88" s="5"/>
      <c r="B88" s="100"/>
      <c r="C88" s="101"/>
      <c r="D88" s="102"/>
      <c r="E88" s="47" t="s">
        <v>58</v>
      </c>
      <c r="F88" s="21"/>
    </row>
    <row r="89" spans="1:6">
      <c r="A89" s="5"/>
      <c r="B89" s="100"/>
      <c r="C89" s="101"/>
      <c r="D89" s="102"/>
      <c r="E89" s="47" t="s">
        <v>59</v>
      </c>
      <c r="F89" s="21"/>
    </row>
    <row r="90" spans="1:6">
      <c r="A90" s="5"/>
      <c r="B90" s="100"/>
      <c r="C90" s="101"/>
      <c r="D90" s="102"/>
      <c r="E90" s="47" t="s">
        <v>96</v>
      </c>
      <c r="F90" s="21" t="s">
        <v>194</v>
      </c>
    </row>
    <row r="91" spans="1:6">
      <c r="A91" s="5"/>
      <c r="B91" s="100"/>
      <c r="C91" s="101"/>
      <c r="D91" s="102"/>
      <c r="E91" s="47" t="s">
        <v>195</v>
      </c>
      <c r="F91" s="21"/>
    </row>
    <row r="92" spans="1:6">
      <c r="A92" s="5"/>
      <c r="B92" s="100"/>
      <c r="C92" s="101"/>
      <c r="D92" s="102"/>
      <c r="E92" s="47" t="s">
        <v>96</v>
      </c>
      <c r="F92" s="21"/>
    </row>
    <row r="93" spans="1:6">
      <c r="A93" s="5"/>
      <c r="B93" s="100"/>
      <c r="C93" s="101"/>
      <c r="D93" s="102"/>
      <c r="E93" s="47" t="s">
        <v>196</v>
      </c>
      <c r="F93" s="21"/>
    </row>
    <row r="94" spans="1:6">
      <c r="A94" s="5"/>
      <c r="B94" s="100"/>
      <c r="C94" s="101"/>
      <c r="D94" s="102"/>
      <c r="E94" s="47" t="s">
        <v>96</v>
      </c>
      <c r="F94" s="21"/>
    </row>
    <row r="95" spans="1:6">
      <c r="A95" s="5"/>
      <c r="B95" s="100"/>
      <c r="C95" s="101"/>
      <c r="D95" s="102"/>
      <c r="E95" s="47" t="s">
        <v>197</v>
      </c>
      <c r="F95" s="21"/>
    </row>
    <row r="96" spans="1:6">
      <c r="A96" s="5"/>
      <c r="B96" s="100"/>
      <c r="C96" s="101"/>
      <c r="D96" s="102"/>
      <c r="E96" s="47" t="s">
        <v>96</v>
      </c>
      <c r="F96" s="21"/>
    </row>
    <row r="97" spans="1:6">
      <c r="A97" s="5"/>
      <c r="B97" s="100"/>
      <c r="C97" s="101"/>
      <c r="D97" s="102"/>
      <c r="E97" s="47" t="s">
        <v>198</v>
      </c>
      <c r="F97" s="21"/>
    </row>
    <row r="98" spans="1:6">
      <c r="A98" s="5"/>
      <c r="B98" s="100"/>
      <c r="C98" s="101"/>
      <c r="D98" s="102"/>
      <c r="E98" s="47" t="s">
        <v>199</v>
      </c>
      <c r="F98" s="21"/>
    </row>
    <row r="99" spans="1:6">
      <c r="A99" s="5"/>
      <c r="B99" s="100"/>
      <c r="C99" s="101"/>
      <c r="D99" s="102"/>
      <c r="E99" s="47" t="s">
        <v>106</v>
      </c>
      <c r="F99" s="21"/>
    </row>
    <row r="100" spans="1:6">
      <c r="A100" s="5"/>
      <c r="B100" s="100"/>
      <c r="C100" s="101"/>
      <c r="D100" s="102"/>
      <c r="E100" s="47" t="s">
        <v>107</v>
      </c>
      <c r="F100" s="21" t="s">
        <v>200</v>
      </c>
    </row>
    <row r="101" spans="1:6">
      <c r="A101" s="5"/>
      <c r="B101" s="100"/>
      <c r="C101" s="101"/>
      <c r="D101" s="102"/>
      <c r="E101" s="47" t="s">
        <v>108</v>
      </c>
      <c r="F101" s="21"/>
    </row>
    <row r="102" spans="1:6">
      <c r="A102" s="5"/>
      <c r="B102" s="100"/>
      <c r="C102" s="101"/>
      <c r="D102" s="102"/>
      <c r="E102" s="47" t="s">
        <v>201</v>
      </c>
      <c r="F102" s="21"/>
    </row>
    <row r="103" spans="1:6">
      <c r="A103" s="5"/>
      <c r="B103" s="100"/>
      <c r="C103" s="101"/>
      <c r="D103" s="102"/>
      <c r="E103" s="47" t="s">
        <v>114</v>
      </c>
      <c r="F103" s="21"/>
    </row>
    <row r="104" spans="1:6" ht="30">
      <c r="A104" s="5"/>
      <c r="B104" s="54"/>
      <c r="C104" s="55"/>
      <c r="D104" s="55"/>
      <c r="E104" s="41" t="s">
        <v>202</v>
      </c>
      <c r="F104" s="56" t="s">
        <v>203</v>
      </c>
    </row>
    <row r="105" spans="1:6">
      <c r="A105" s="5"/>
      <c r="B105" s="50"/>
      <c r="C105" s="51"/>
      <c r="D105" s="51"/>
      <c r="E105" s="42" t="s">
        <v>117</v>
      </c>
      <c r="F105" s="27"/>
    </row>
    <row r="106" spans="1:6">
      <c r="A106" s="5"/>
      <c r="B106" s="50"/>
      <c r="C106" s="51"/>
      <c r="D106" s="51"/>
      <c r="E106" s="42" t="s">
        <v>119</v>
      </c>
      <c r="F106" s="27"/>
    </row>
    <row r="107" spans="1:6">
      <c r="A107" s="5"/>
      <c r="B107" s="50"/>
      <c r="C107" s="51"/>
      <c r="D107" s="51"/>
      <c r="E107" s="42" t="s">
        <v>204</v>
      </c>
      <c r="F107" s="27"/>
    </row>
    <row r="108" spans="1:6">
      <c r="A108" s="5"/>
      <c r="B108" s="50"/>
      <c r="C108" s="51"/>
      <c r="D108" s="51"/>
      <c r="E108" s="42" t="s">
        <v>122</v>
      </c>
      <c r="F108" s="27"/>
    </row>
    <row r="109" spans="1:6">
      <c r="A109" s="5"/>
      <c r="B109" s="50"/>
      <c r="C109" s="51"/>
      <c r="D109" s="51"/>
      <c r="E109" s="42" t="s">
        <v>128</v>
      </c>
      <c r="F109" s="27"/>
    </row>
    <row r="110" spans="1:6">
      <c r="A110" s="5"/>
      <c r="B110" s="50"/>
      <c r="C110" s="51"/>
      <c r="D110" s="51"/>
      <c r="E110" s="42" t="s">
        <v>130</v>
      </c>
      <c r="F110" s="27"/>
    </row>
    <row r="111" spans="1:6">
      <c r="A111" s="5"/>
      <c r="B111" s="50"/>
      <c r="C111" s="51"/>
      <c r="D111" s="51"/>
      <c r="E111" s="42" t="s">
        <v>205</v>
      </c>
      <c r="F111" s="27"/>
    </row>
    <row r="112" spans="1:6">
      <c r="A112" s="5"/>
      <c r="B112" s="50"/>
      <c r="C112" s="51"/>
      <c r="D112" s="51"/>
      <c r="E112" s="42" t="s">
        <v>206</v>
      </c>
      <c r="F112" s="27"/>
    </row>
    <row r="113" spans="1:6">
      <c r="A113" s="5"/>
      <c r="B113" s="50"/>
      <c r="C113" s="51"/>
      <c r="D113" s="51"/>
      <c r="E113" s="42" t="s">
        <v>133</v>
      </c>
      <c r="F113" s="27"/>
    </row>
    <row r="114" spans="1:6">
      <c r="A114" s="5"/>
      <c r="B114" s="50"/>
      <c r="C114" s="51"/>
      <c r="D114" s="51"/>
      <c r="E114" s="42" t="s">
        <v>207</v>
      </c>
      <c r="F114" s="27"/>
    </row>
    <row r="115" spans="1:6">
      <c r="A115" s="5"/>
      <c r="B115" s="50"/>
      <c r="C115" s="51"/>
      <c r="D115" s="51"/>
      <c r="E115" s="42" t="s">
        <v>138</v>
      </c>
      <c r="F115" s="27"/>
    </row>
    <row r="116" spans="1:6">
      <c r="A116" s="5"/>
      <c r="B116" s="50"/>
      <c r="C116" s="51"/>
      <c r="D116" s="51"/>
      <c r="E116" s="42" t="s">
        <v>139</v>
      </c>
      <c r="F116" s="27"/>
    </row>
    <row r="117" spans="1:6">
      <c r="A117" s="5"/>
      <c r="B117" s="50"/>
      <c r="C117" s="51"/>
      <c r="D117" s="51"/>
      <c r="E117" s="42" t="s">
        <v>208</v>
      </c>
      <c r="F117" s="27"/>
    </row>
    <row r="118" spans="1:6">
      <c r="A118" s="5"/>
      <c r="B118" s="50"/>
      <c r="C118" s="51"/>
      <c r="D118" s="51"/>
      <c r="E118" s="42" t="s">
        <v>141</v>
      </c>
      <c r="F118" s="27"/>
    </row>
    <row r="119" spans="1:6">
      <c r="A119" s="5"/>
      <c r="B119" s="50"/>
      <c r="C119" s="51"/>
      <c r="D119" s="51"/>
      <c r="E119" s="42" t="s">
        <v>209</v>
      </c>
      <c r="F119" s="27"/>
    </row>
    <row r="120" spans="1:6">
      <c r="A120" s="5"/>
      <c r="B120" s="50"/>
      <c r="C120" s="51"/>
      <c r="D120" s="51"/>
      <c r="E120" s="42" t="s">
        <v>142</v>
      </c>
      <c r="F120" s="27"/>
    </row>
    <row r="121" spans="1:6">
      <c r="A121" s="5"/>
      <c r="B121" s="50"/>
      <c r="C121" s="51"/>
      <c r="D121" s="51"/>
      <c r="E121" s="42" t="s">
        <v>208</v>
      </c>
      <c r="F121" s="27"/>
    </row>
    <row r="122" spans="1:6">
      <c r="A122" s="5"/>
      <c r="B122" s="50"/>
      <c r="C122" s="51"/>
      <c r="D122" s="51"/>
      <c r="E122" s="42" t="s">
        <v>143</v>
      </c>
      <c r="F122" s="27"/>
    </row>
    <row r="123" spans="1:6">
      <c r="A123" s="5"/>
      <c r="B123" s="50"/>
      <c r="C123" s="51"/>
      <c r="D123" s="51"/>
      <c r="E123" s="42" t="s">
        <v>144</v>
      </c>
      <c r="F123" s="27"/>
    </row>
    <row r="124" spans="1:6">
      <c r="A124" s="5"/>
      <c r="B124" s="50"/>
      <c r="C124" s="51"/>
      <c r="D124" s="51"/>
      <c r="E124" s="42" t="s">
        <v>208</v>
      </c>
      <c r="F124" s="27"/>
    </row>
    <row r="125" spans="1:6">
      <c r="A125" s="5"/>
      <c r="B125" s="50"/>
      <c r="C125" s="51"/>
      <c r="D125" s="51"/>
      <c r="E125" s="42" t="s">
        <v>145</v>
      </c>
      <c r="F125" s="27"/>
    </row>
    <row r="126" spans="1:6">
      <c r="A126" s="5"/>
      <c r="B126" s="50"/>
      <c r="C126" s="51"/>
      <c r="D126" s="51"/>
      <c r="E126" s="42" t="s">
        <v>146</v>
      </c>
      <c r="F126" s="27"/>
    </row>
    <row r="127" spans="1:6" ht="30">
      <c r="A127" s="5"/>
      <c r="B127" s="50"/>
      <c r="C127" s="51"/>
      <c r="D127" s="51"/>
      <c r="E127" s="42" t="s">
        <v>210</v>
      </c>
      <c r="F127" s="43" t="s">
        <v>203</v>
      </c>
    </row>
    <row r="128" spans="1:6">
      <c r="A128" s="5"/>
      <c r="B128" s="50"/>
      <c r="C128" s="51"/>
      <c r="D128" s="51"/>
      <c r="E128" s="42" t="s">
        <v>117</v>
      </c>
      <c r="F128" s="27"/>
    </row>
    <row r="129" spans="1:6">
      <c r="A129" s="5"/>
      <c r="B129" s="50"/>
      <c r="C129" s="51"/>
      <c r="D129" s="51"/>
      <c r="E129" s="42" t="s">
        <v>119</v>
      </c>
      <c r="F129" s="27"/>
    </row>
    <row r="130" spans="1:6">
      <c r="A130" s="5"/>
      <c r="B130" s="50"/>
      <c r="C130" s="51"/>
      <c r="D130" s="51"/>
      <c r="E130" s="42" t="s">
        <v>204</v>
      </c>
      <c r="F130" s="27"/>
    </row>
    <row r="131" spans="1:6">
      <c r="A131" s="5"/>
      <c r="B131" s="50"/>
      <c r="C131" s="51"/>
      <c r="D131" s="51"/>
      <c r="E131" s="42" t="s">
        <v>122</v>
      </c>
      <c r="F131" s="27"/>
    </row>
    <row r="132" spans="1:6">
      <c r="A132" s="5"/>
      <c r="B132" s="50"/>
      <c r="C132" s="51"/>
      <c r="D132" s="51"/>
      <c r="E132" s="42" t="s">
        <v>211</v>
      </c>
      <c r="F132" s="27"/>
    </row>
    <row r="133" spans="1:6">
      <c r="A133" s="5"/>
      <c r="B133" s="50"/>
      <c r="C133" s="51"/>
      <c r="D133" s="51"/>
      <c r="E133" s="42" t="s">
        <v>130</v>
      </c>
      <c r="F133" s="27"/>
    </row>
    <row r="134" spans="1:6">
      <c r="A134" s="5"/>
      <c r="B134" s="50"/>
      <c r="C134" s="51"/>
      <c r="D134" s="51"/>
      <c r="E134" s="42" t="s">
        <v>205</v>
      </c>
      <c r="F134" s="27"/>
    </row>
    <row r="135" spans="1:6">
      <c r="A135" s="5"/>
      <c r="B135" s="50"/>
      <c r="C135" s="51"/>
      <c r="D135" s="51"/>
      <c r="E135" s="42" t="s">
        <v>212</v>
      </c>
      <c r="F135" s="27"/>
    </row>
    <row r="136" spans="1:6">
      <c r="A136" s="5"/>
      <c r="B136" s="50"/>
      <c r="C136" s="51"/>
      <c r="D136" s="51"/>
      <c r="E136" s="42" t="s">
        <v>133</v>
      </c>
      <c r="F136" s="27"/>
    </row>
    <row r="137" spans="1:6">
      <c r="A137" s="5"/>
      <c r="B137" s="50"/>
      <c r="C137" s="51"/>
      <c r="D137" s="51"/>
      <c r="E137" s="42" t="s">
        <v>207</v>
      </c>
      <c r="F137" s="27"/>
    </row>
    <row r="138" spans="1:6">
      <c r="A138" s="5"/>
      <c r="B138" s="50"/>
      <c r="C138" s="51"/>
      <c r="D138" s="51"/>
      <c r="E138" s="42" t="s">
        <v>138</v>
      </c>
      <c r="F138" s="27"/>
    </row>
    <row r="139" spans="1:6">
      <c r="A139" s="5"/>
      <c r="B139" s="50"/>
      <c r="C139" s="51"/>
      <c r="D139" s="51"/>
      <c r="E139" s="42" t="s">
        <v>139</v>
      </c>
      <c r="F139" s="27"/>
    </row>
    <row r="140" spans="1:6">
      <c r="A140" s="5"/>
      <c r="B140" s="50"/>
      <c r="C140" s="51"/>
      <c r="D140" s="51"/>
      <c r="E140" s="42" t="s">
        <v>208</v>
      </c>
      <c r="F140" s="27"/>
    </row>
    <row r="141" spans="1:6">
      <c r="A141" s="5"/>
      <c r="B141" s="50"/>
      <c r="C141" s="51"/>
      <c r="D141" s="51"/>
      <c r="E141" s="42" t="s">
        <v>141</v>
      </c>
      <c r="F141" s="27"/>
    </row>
    <row r="142" spans="1:6">
      <c r="A142" s="5"/>
      <c r="B142" s="50"/>
      <c r="C142" s="51"/>
      <c r="D142" s="51"/>
      <c r="E142" s="42" t="s">
        <v>209</v>
      </c>
      <c r="F142" s="27"/>
    </row>
    <row r="143" spans="1:6">
      <c r="A143" s="5"/>
      <c r="B143" s="50"/>
      <c r="C143" s="51"/>
      <c r="D143" s="51"/>
      <c r="E143" s="42" t="s">
        <v>142</v>
      </c>
      <c r="F143" s="27"/>
    </row>
    <row r="144" spans="1:6">
      <c r="A144" s="5"/>
      <c r="B144" s="50"/>
      <c r="C144" s="51"/>
      <c r="D144" s="51"/>
      <c r="E144" s="42" t="s">
        <v>208</v>
      </c>
      <c r="F144" s="27"/>
    </row>
    <row r="145" spans="1:6">
      <c r="A145" s="5"/>
      <c r="B145" s="50"/>
      <c r="C145" s="51"/>
      <c r="D145" s="51"/>
      <c r="E145" s="42" t="s">
        <v>143</v>
      </c>
      <c r="F145" s="27"/>
    </row>
    <row r="146" spans="1:6">
      <c r="A146" s="5"/>
      <c r="B146" s="50"/>
      <c r="C146" s="51"/>
      <c r="D146" s="51"/>
      <c r="E146" s="42" t="s">
        <v>144</v>
      </c>
      <c r="F146" s="27"/>
    </row>
    <row r="147" spans="1:6">
      <c r="A147" s="5"/>
      <c r="B147" s="50"/>
      <c r="C147" s="51"/>
      <c r="D147" s="51"/>
      <c r="E147" s="42" t="s">
        <v>208</v>
      </c>
      <c r="F147" s="27"/>
    </row>
    <row r="148" spans="1:6">
      <c r="A148" s="5"/>
      <c r="B148" s="50"/>
      <c r="C148" s="51"/>
      <c r="D148" s="51"/>
      <c r="E148" s="42" t="s">
        <v>145</v>
      </c>
      <c r="F148" s="27"/>
    </row>
    <row r="149" spans="1:6">
      <c r="A149" s="5"/>
      <c r="B149" s="50"/>
      <c r="C149" s="51"/>
      <c r="D149" s="51"/>
      <c r="E149" s="42" t="s">
        <v>146</v>
      </c>
      <c r="F149" s="27"/>
    </row>
    <row r="150" spans="1:6" ht="30">
      <c r="A150" s="5"/>
      <c r="B150" s="50"/>
      <c r="C150" s="51"/>
      <c r="D150" s="51"/>
      <c r="E150" s="42" t="s">
        <v>213</v>
      </c>
      <c r="F150" s="43" t="s">
        <v>203</v>
      </c>
    </row>
    <row r="151" spans="1:6">
      <c r="A151" s="5"/>
      <c r="B151" s="50"/>
      <c r="C151" s="51"/>
      <c r="D151" s="51"/>
      <c r="E151" s="42" t="s">
        <v>117</v>
      </c>
      <c r="F151" s="27"/>
    </row>
    <row r="152" spans="1:6">
      <c r="A152" s="5"/>
      <c r="B152" s="50"/>
      <c r="C152" s="51"/>
      <c r="D152" s="51"/>
      <c r="E152" s="42" t="s">
        <v>119</v>
      </c>
      <c r="F152" s="27"/>
    </row>
    <row r="153" spans="1:6">
      <c r="A153" s="5"/>
      <c r="B153" s="50"/>
      <c r="C153" s="51"/>
      <c r="D153" s="51"/>
      <c r="E153" s="42" t="s">
        <v>204</v>
      </c>
      <c r="F153" s="27"/>
    </row>
    <row r="154" spans="1:6">
      <c r="A154" s="5"/>
      <c r="B154" s="50"/>
      <c r="C154" s="51"/>
      <c r="D154" s="51"/>
      <c r="E154" s="42" t="s">
        <v>122</v>
      </c>
      <c r="F154" s="27"/>
    </row>
    <row r="155" spans="1:6">
      <c r="A155" s="5"/>
      <c r="B155" s="50"/>
      <c r="C155" s="51"/>
      <c r="D155" s="51"/>
      <c r="E155" s="42" t="s">
        <v>214</v>
      </c>
      <c r="F155" s="27"/>
    </row>
    <row r="156" spans="1:6">
      <c r="A156" s="5"/>
      <c r="B156" s="50"/>
      <c r="C156" s="51"/>
      <c r="D156" s="51"/>
      <c r="E156" s="42" t="s">
        <v>130</v>
      </c>
      <c r="F156" s="27"/>
    </row>
    <row r="157" spans="1:6">
      <c r="A157" s="5"/>
      <c r="B157" s="50"/>
      <c r="C157" s="51"/>
      <c r="D157" s="51"/>
      <c r="E157" s="42" t="s">
        <v>205</v>
      </c>
      <c r="F157" s="27"/>
    </row>
    <row r="158" spans="1:6">
      <c r="A158" s="5"/>
      <c r="B158" s="50"/>
      <c r="C158" s="51"/>
      <c r="D158" s="51"/>
      <c r="E158" s="42" t="s">
        <v>215</v>
      </c>
      <c r="F158" s="27"/>
    </row>
    <row r="159" spans="1:6">
      <c r="A159" s="5"/>
      <c r="B159" s="50"/>
      <c r="C159" s="51"/>
      <c r="D159" s="51"/>
      <c r="E159" s="42" t="s">
        <v>133</v>
      </c>
      <c r="F159" s="27"/>
    </row>
    <row r="160" spans="1:6">
      <c r="A160" s="5"/>
      <c r="B160" s="50"/>
      <c r="C160" s="51"/>
      <c r="D160" s="51"/>
      <c r="E160" s="42" t="s">
        <v>207</v>
      </c>
      <c r="F160" s="27"/>
    </row>
    <row r="161" spans="1:6">
      <c r="A161" s="5"/>
      <c r="B161" s="50"/>
      <c r="C161" s="51"/>
      <c r="D161" s="51"/>
      <c r="E161" s="42" t="s">
        <v>138</v>
      </c>
      <c r="F161" s="27"/>
    </row>
    <row r="162" spans="1:6">
      <c r="A162" s="5"/>
      <c r="B162" s="50"/>
      <c r="C162" s="51"/>
      <c r="D162" s="51"/>
      <c r="E162" s="42" t="s">
        <v>139</v>
      </c>
      <c r="F162" s="27"/>
    </row>
    <row r="163" spans="1:6">
      <c r="A163" s="5"/>
      <c r="B163" s="50"/>
      <c r="C163" s="51"/>
      <c r="D163" s="51"/>
      <c r="E163" s="42" t="s">
        <v>208</v>
      </c>
      <c r="F163" s="27"/>
    </row>
    <row r="164" spans="1:6">
      <c r="A164" s="5"/>
      <c r="B164" s="50"/>
      <c r="C164" s="51"/>
      <c r="D164" s="51"/>
      <c r="E164" s="42" t="s">
        <v>141</v>
      </c>
      <c r="F164" s="27"/>
    </row>
    <row r="165" spans="1:6">
      <c r="A165" s="5"/>
      <c r="B165" s="50"/>
      <c r="C165" s="51"/>
      <c r="D165" s="51"/>
      <c r="E165" s="42" t="s">
        <v>209</v>
      </c>
      <c r="F165" s="27"/>
    </row>
    <row r="166" spans="1:6">
      <c r="A166" s="5"/>
      <c r="B166" s="50"/>
      <c r="C166" s="51"/>
      <c r="D166" s="51"/>
      <c r="E166" s="42" t="s">
        <v>142</v>
      </c>
      <c r="F166" s="27"/>
    </row>
    <row r="167" spans="1:6">
      <c r="A167" s="5"/>
      <c r="B167" s="50"/>
      <c r="C167" s="51"/>
      <c r="D167" s="51"/>
      <c r="E167" s="42" t="s">
        <v>208</v>
      </c>
      <c r="F167" s="27"/>
    </row>
    <row r="168" spans="1:6">
      <c r="A168" s="5"/>
      <c r="B168" s="50"/>
      <c r="C168" s="51"/>
      <c r="D168" s="51"/>
      <c r="E168" s="42" t="s">
        <v>143</v>
      </c>
      <c r="F168" s="27"/>
    </row>
    <row r="169" spans="1:6">
      <c r="A169" s="5"/>
      <c r="B169" s="50"/>
      <c r="C169" s="51"/>
      <c r="D169" s="51"/>
      <c r="E169" s="42" t="s">
        <v>144</v>
      </c>
      <c r="F169" s="27"/>
    </row>
    <row r="170" spans="1:6">
      <c r="A170" s="5"/>
      <c r="B170" s="50"/>
      <c r="C170" s="51"/>
      <c r="D170" s="51"/>
      <c r="E170" s="42" t="s">
        <v>208</v>
      </c>
      <c r="F170" s="27"/>
    </row>
    <row r="171" spans="1:6">
      <c r="A171" s="5"/>
      <c r="B171" s="50"/>
      <c r="C171" s="51"/>
      <c r="D171" s="51"/>
      <c r="E171" s="42" t="s">
        <v>145</v>
      </c>
      <c r="F171" s="27"/>
    </row>
    <row r="172" spans="1:6">
      <c r="A172" s="5"/>
      <c r="B172" s="50"/>
      <c r="C172" s="51"/>
      <c r="D172" s="51"/>
      <c r="E172" s="42" t="s">
        <v>146</v>
      </c>
      <c r="F172" s="27"/>
    </row>
    <row r="173" spans="1:6">
      <c r="A173" s="5"/>
      <c r="B173" s="50"/>
      <c r="C173" s="51"/>
      <c r="D173" s="51"/>
      <c r="E173" s="42" t="s">
        <v>147</v>
      </c>
      <c r="F173" s="27"/>
    </row>
    <row r="174" spans="1:6" ht="30">
      <c r="A174" s="5"/>
      <c r="B174" s="52"/>
      <c r="C174" s="53"/>
      <c r="D174" s="53"/>
      <c r="E174" s="44" t="s">
        <v>148</v>
      </c>
      <c r="F174" s="45" t="s">
        <v>216</v>
      </c>
    </row>
    <row r="175" spans="1:6">
      <c r="A175" s="5"/>
      <c r="B175" s="26"/>
      <c r="C175" s="42"/>
      <c r="D175" s="42"/>
      <c r="E175" s="42" t="s">
        <v>149</v>
      </c>
      <c r="F175" s="27"/>
    </row>
    <row r="176" spans="1:6">
      <c r="A176" s="5"/>
      <c r="B176" s="26"/>
      <c r="C176" s="42"/>
      <c r="D176" s="42"/>
      <c r="E176" s="42" t="s">
        <v>217</v>
      </c>
      <c r="F176" s="27"/>
    </row>
    <row r="177" spans="1:6">
      <c r="A177" s="5"/>
      <c r="B177" s="26"/>
      <c r="C177" s="42"/>
      <c r="D177" s="42"/>
      <c r="E177" s="42" t="s">
        <v>151</v>
      </c>
      <c r="F177" s="27"/>
    </row>
    <row r="178" spans="1:6">
      <c r="A178" s="5"/>
      <c r="B178" s="26"/>
      <c r="C178" s="42"/>
      <c r="D178" s="42"/>
      <c r="E178" s="42" t="s">
        <v>152</v>
      </c>
      <c r="F178" s="27"/>
    </row>
    <row r="179" spans="1:6">
      <c r="A179" s="5"/>
      <c r="B179" s="26"/>
      <c r="C179" s="42"/>
      <c r="D179" s="42"/>
      <c r="E179" s="42" t="s">
        <v>218</v>
      </c>
      <c r="F179" s="27"/>
    </row>
    <row r="180" spans="1:6">
      <c r="A180" s="5"/>
      <c r="B180" s="26"/>
      <c r="C180" s="42"/>
      <c r="D180" s="42"/>
      <c r="E180" s="42" t="s">
        <v>219</v>
      </c>
      <c r="F180" s="27"/>
    </row>
    <row r="181" spans="1:6">
      <c r="A181" s="5"/>
      <c r="B181" s="26"/>
      <c r="C181" s="42"/>
      <c r="D181" s="42"/>
      <c r="E181" s="42" t="s">
        <v>220</v>
      </c>
      <c r="F181" s="27"/>
    </row>
    <row r="182" spans="1:6">
      <c r="A182" s="5"/>
      <c r="B182" s="26"/>
      <c r="C182" s="42"/>
      <c r="D182" s="42"/>
      <c r="E182" s="42" t="s">
        <v>221</v>
      </c>
      <c r="F182" s="27"/>
    </row>
    <row r="183" spans="1:6">
      <c r="A183" s="5"/>
      <c r="B183" s="26"/>
      <c r="C183" s="42"/>
      <c r="D183" s="42"/>
      <c r="E183" s="42" t="s">
        <v>222</v>
      </c>
      <c r="F183" s="27"/>
    </row>
    <row r="184" spans="1:6">
      <c r="A184" s="5"/>
      <c r="B184" s="26"/>
      <c r="C184" s="42"/>
      <c r="D184" s="42"/>
      <c r="E184" s="42" t="s">
        <v>223</v>
      </c>
      <c r="F184" s="27"/>
    </row>
    <row r="185" spans="1:6">
      <c r="A185" s="5"/>
      <c r="B185" s="26"/>
      <c r="C185" s="42"/>
      <c r="D185" s="42"/>
      <c r="E185" s="42" t="s">
        <v>224</v>
      </c>
      <c r="F185" s="27"/>
    </row>
    <row r="186" spans="1:6">
      <c r="A186" s="5"/>
      <c r="B186" s="26"/>
      <c r="C186" s="42"/>
      <c r="D186" s="42"/>
      <c r="E186" s="42" t="s">
        <v>225</v>
      </c>
      <c r="F186" s="27"/>
    </row>
    <row r="187" spans="1:6">
      <c r="A187" s="5"/>
      <c r="B187" s="26"/>
      <c r="C187" s="42"/>
      <c r="D187" s="42"/>
      <c r="E187" s="42" t="s">
        <v>226</v>
      </c>
      <c r="F187" s="27"/>
    </row>
    <row r="188" spans="1:6">
      <c r="A188" s="5"/>
      <c r="B188" s="26"/>
      <c r="C188" s="42"/>
      <c r="D188" s="42"/>
      <c r="E188" s="42" t="s">
        <v>227</v>
      </c>
      <c r="F188" s="27"/>
    </row>
    <row r="189" spans="1:6">
      <c r="A189" s="5"/>
      <c r="B189" s="26"/>
      <c r="C189" s="42"/>
      <c r="D189" s="42"/>
      <c r="E189" s="42" t="s">
        <v>228</v>
      </c>
      <c r="F189" s="27"/>
    </row>
    <row r="190" spans="1:6">
      <c r="A190" s="5"/>
      <c r="B190" s="26"/>
      <c r="C190" s="42"/>
      <c r="D190" s="42"/>
      <c r="E190" s="42" t="s">
        <v>153</v>
      </c>
      <c r="F190" s="27"/>
    </row>
    <row r="191" spans="1:6">
      <c r="A191" s="5"/>
      <c r="B191" s="26"/>
      <c r="C191" s="42"/>
      <c r="D191" s="42"/>
      <c r="E191" s="42" t="s">
        <v>154</v>
      </c>
      <c r="F191" s="27"/>
    </row>
    <row r="192" spans="1:6">
      <c r="A192" s="5"/>
      <c r="B192" s="26"/>
      <c r="C192" s="42"/>
      <c r="D192" s="42"/>
      <c r="E192" s="42" t="s">
        <v>229</v>
      </c>
      <c r="F192" s="27"/>
    </row>
    <row r="193" spans="1:6">
      <c r="A193" s="5"/>
      <c r="B193" s="26"/>
      <c r="C193" s="42"/>
      <c r="D193" s="42"/>
      <c r="E193" s="42" t="s">
        <v>155</v>
      </c>
      <c r="F193" s="27"/>
    </row>
    <row r="194" spans="1:6">
      <c r="A194" s="5"/>
      <c r="B194" s="26"/>
      <c r="C194" s="42"/>
      <c r="D194" s="42"/>
      <c r="E194" s="42" t="s">
        <v>156</v>
      </c>
      <c r="F194" s="27"/>
    </row>
    <row r="195" spans="1:6">
      <c r="A195" s="5"/>
      <c r="B195" s="26"/>
      <c r="C195" s="42"/>
      <c r="D195" s="42"/>
      <c r="E195" s="42" t="s">
        <v>229</v>
      </c>
      <c r="F195" s="27"/>
    </row>
    <row r="196" spans="1:6">
      <c r="A196" s="5"/>
      <c r="B196" s="26"/>
      <c r="C196" s="42"/>
      <c r="D196" s="42"/>
      <c r="E196" s="42" t="s">
        <v>157</v>
      </c>
      <c r="F196" s="27"/>
    </row>
    <row r="197" spans="1:6">
      <c r="A197" s="5"/>
      <c r="B197" s="26"/>
      <c r="C197" s="42"/>
      <c r="D197" s="42"/>
      <c r="E197" s="42" t="s">
        <v>160</v>
      </c>
      <c r="F197" s="27"/>
    </row>
    <row r="198" spans="1:6">
      <c r="A198" s="5"/>
      <c r="B198" s="26"/>
      <c r="C198" s="42"/>
      <c r="D198" s="42"/>
      <c r="E198" s="42" t="s">
        <v>161</v>
      </c>
      <c r="F198" s="27"/>
    </row>
    <row r="199" spans="1:6">
      <c r="A199" s="5"/>
      <c r="B199" s="26"/>
      <c r="C199" s="42"/>
      <c r="D199" s="42"/>
      <c r="E199" s="42" t="s">
        <v>162</v>
      </c>
      <c r="F199" s="27"/>
    </row>
    <row r="200" spans="1:6">
      <c r="A200" s="5"/>
      <c r="B200" s="31"/>
      <c r="C200" s="44"/>
      <c r="D200" s="44"/>
      <c r="E200" s="44" t="s">
        <v>163</v>
      </c>
      <c r="F200" s="33"/>
    </row>
    <row r="201" spans="1:6">
      <c r="A201" s="5"/>
    </row>
    <row r="202" spans="1:6">
      <c r="A202" s="5"/>
    </row>
    <row r="203" spans="1:6">
      <c r="A203" s="5"/>
    </row>
    <row r="204" spans="1:6">
      <c r="A204" s="5"/>
    </row>
    <row r="205" spans="1:6">
      <c r="A205" s="5"/>
    </row>
    <row r="206" spans="1:6">
      <c r="A206" s="5"/>
    </row>
    <row r="207" spans="1:6">
      <c r="A207" s="5"/>
    </row>
    <row r="208" spans="1:6">
      <c r="A208" s="5"/>
    </row>
    <row r="209" spans="1:1">
      <c r="A209" s="5"/>
    </row>
    <row r="210" spans="1:1">
      <c r="A210" s="5"/>
    </row>
    <row r="211" spans="1:1">
      <c r="A211" s="5"/>
    </row>
    <row r="212" spans="1:1">
      <c r="A212" s="5"/>
    </row>
    <row r="213" spans="1:1">
      <c r="A213" s="5"/>
    </row>
    <row r="214" spans="1:1">
      <c r="A214" s="5"/>
    </row>
    <row r="215" spans="1:1">
      <c r="A215" s="5"/>
    </row>
    <row r="216" spans="1:1">
      <c r="A216" s="5"/>
    </row>
    <row r="217" spans="1:1">
      <c r="A217" s="5"/>
    </row>
    <row r="218" spans="1:1">
      <c r="A218" s="5"/>
    </row>
    <row r="219" spans="1:1">
      <c r="A219" s="5"/>
    </row>
    <row r="220" spans="1:1">
      <c r="A220" s="5"/>
    </row>
    <row r="221" spans="1:1">
      <c r="A221" s="5"/>
    </row>
    <row r="222" spans="1:1">
      <c r="A222" s="5"/>
    </row>
    <row r="223" spans="1:1">
      <c r="A223" s="5"/>
    </row>
    <row r="224" spans="1:1">
      <c r="A224" s="5"/>
    </row>
    <row r="225" spans="1:1">
      <c r="A225" s="5"/>
    </row>
    <row r="226" spans="1:1">
      <c r="A226" s="5"/>
    </row>
    <row r="227" spans="1:1">
      <c r="A227" s="4"/>
    </row>
    <row r="228" spans="1:1">
      <c r="A228" s="5"/>
    </row>
    <row r="229" spans="1:1">
      <c r="A229" s="5"/>
    </row>
    <row r="230" spans="1:1">
      <c r="A230" s="5"/>
    </row>
    <row r="231" spans="1:1">
      <c r="A231" s="5"/>
    </row>
    <row r="232" spans="1:1">
      <c r="A232" s="5"/>
    </row>
    <row r="233" spans="1:1">
      <c r="A233" s="5"/>
    </row>
    <row r="234" spans="1:1">
      <c r="A234" s="5"/>
    </row>
    <row r="235" spans="1:1">
      <c r="A235" s="5"/>
    </row>
    <row r="236" spans="1:1">
      <c r="A236" s="5"/>
    </row>
    <row r="237" spans="1:1">
      <c r="A237" s="5"/>
    </row>
    <row r="238" spans="1:1">
      <c r="A238" s="5"/>
    </row>
    <row r="239" spans="1:1">
      <c r="A239" s="5"/>
    </row>
    <row r="240" spans="1:1">
      <c r="A240" s="5"/>
    </row>
    <row r="241" spans="1:1">
      <c r="A241" s="5"/>
    </row>
    <row r="242" spans="1:1">
      <c r="A242" s="5"/>
    </row>
    <row r="243" spans="1:1">
      <c r="A243" s="5"/>
    </row>
    <row r="244" spans="1:1">
      <c r="A244" s="5"/>
    </row>
    <row r="245" spans="1:1">
      <c r="A245" s="5"/>
    </row>
    <row r="246" spans="1:1">
      <c r="A246" s="5"/>
    </row>
    <row r="247" spans="1:1">
      <c r="A247" s="5"/>
    </row>
    <row r="248" spans="1:1">
      <c r="A248" s="5"/>
    </row>
    <row r="249" spans="1:1">
      <c r="A249" s="5"/>
    </row>
    <row r="250" spans="1:1">
      <c r="A250" s="5"/>
    </row>
    <row r="251" spans="1:1">
      <c r="A251" s="5"/>
    </row>
    <row r="252" spans="1:1">
      <c r="A252" s="5"/>
    </row>
    <row r="253" spans="1:1">
      <c r="A253" s="5"/>
    </row>
    <row r="254" spans="1:1">
      <c r="A254" s="5"/>
    </row>
    <row r="255" spans="1:1">
      <c r="A255" s="5"/>
    </row>
    <row r="256" spans="1:1">
      <c r="A256" s="5"/>
    </row>
    <row r="257" spans="1:1">
      <c r="A257" s="5"/>
    </row>
    <row r="258" spans="1:1">
      <c r="A258" s="5"/>
    </row>
    <row r="259" spans="1:1">
      <c r="A259" s="5"/>
    </row>
    <row r="260" spans="1:1">
      <c r="A260" s="5"/>
    </row>
    <row r="261" spans="1:1">
      <c r="A261" s="5"/>
    </row>
    <row r="262" spans="1:1">
      <c r="A262" s="5"/>
    </row>
    <row r="263" spans="1:1">
      <c r="A263" s="5"/>
    </row>
    <row r="264" spans="1:1">
      <c r="A264" s="5"/>
    </row>
    <row r="265" spans="1:1">
      <c r="A265" s="5"/>
    </row>
    <row r="266" spans="1:1">
      <c r="A266" s="5"/>
    </row>
    <row r="267" spans="1:1">
      <c r="A267" s="5"/>
    </row>
    <row r="268" spans="1:1">
      <c r="A268" s="5"/>
    </row>
    <row r="269" spans="1:1">
      <c r="A269" s="5"/>
    </row>
    <row r="270" spans="1:1">
      <c r="A270" s="5"/>
    </row>
    <row r="271" spans="1:1">
      <c r="A271" s="5"/>
    </row>
    <row r="272" spans="1:1">
      <c r="A272" s="5"/>
    </row>
    <row r="273" spans="1:1">
      <c r="A273" s="5"/>
    </row>
    <row r="274" spans="1:1">
      <c r="A274" s="5"/>
    </row>
    <row r="275" spans="1:1">
      <c r="A275" s="5"/>
    </row>
    <row r="276" spans="1:1">
      <c r="A276" s="5"/>
    </row>
    <row r="277" spans="1:1">
      <c r="A277" s="5"/>
    </row>
    <row r="278" spans="1:1">
      <c r="A278" s="5"/>
    </row>
    <row r="279" spans="1:1">
      <c r="A279" s="5"/>
    </row>
    <row r="280" spans="1:1">
      <c r="A280" s="5"/>
    </row>
    <row r="281" spans="1:1">
      <c r="A281" s="5"/>
    </row>
    <row r="282" spans="1:1">
      <c r="A282" s="5"/>
    </row>
    <row r="283" spans="1:1">
      <c r="A283" s="5"/>
    </row>
    <row r="284" spans="1:1">
      <c r="A284" s="5"/>
    </row>
    <row r="285" spans="1:1">
      <c r="A285" s="5"/>
    </row>
    <row r="286" spans="1:1">
      <c r="A286" s="5"/>
    </row>
    <row r="287" spans="1:1">
      <c r="A287" s="5"/>
    </row>
    <row r="288" spans="1:1">
      <c r="A288" s="5"/>
    </row>
    <row r="289" spans="1:1">
      <c r="A289" s="5"/>
    </row>
    <row r="290" spans="1:1">
      <c r="A290" s="5"/>
    </row>
    <row r="291" spans="1:1">
      <c r="A291" s="5"/>
    </row>
    <row r="292" spans="1:1">
      <c r="A292" s="5"/>
    </row>
    <row r="293" spans="1:1">
      <c r="A293" s="5"/>
    </row>
    <row r="294" spans="1:1">
      <c r="A294" s="5"/>
    </row>
    <row r="295" spans="1:1">
      <c r="A295" s="5"/>
    </row>
    <row r="296" spans="1:1">
      <c r="A296" s="5"/>
    </row>
    <row r="297" spans="1:1">
      <c r="A297" s="5"/>
    </row>
    <row r="298" spans="1:1">
      <c r="A298" s="5"/>
    </row>
    <row r="299" spans="1:1">
      <c r="A299" s="5"/>
    </row>
    <row r="300" spans="1:1">
      <c r="A300" s="5"/>
    </row>
    <row r="301" spans="1:1">
      <c r="A301" s="5"/>
    </row>
    <row r="302" spans="1:1">
      <c r="A302" s="5"/>
    </row>
    <row r="303" spans="1:1">
      <c r="A303" s="5"/>
    </row>
    <row r="304" spans="1:1">
      <c r="A304" s="5"/>
    </row>
    <row r="305" spans="1:1">
      <c r="A305" s="5"/>
    </row>
    <row r="306" spans="1:1">
      <c r="A306" s="5"/>
    </row>
    <row r="307" spans="1:1">
      <c r="A307" s="5"/>
    </row>
    <row r="308" spans="1:1">
      <c r="A308" s="5"/>
    </row>
    <row r="309" spans="1:1">
      <c r="A309" s="5"/>
    </row>
    <row r="310" spans="1:1">
      <c r="A310" s="5"/>
    </row>
    <row r="311" spans="1:1">
      <c r="A311" s="5"/>
    </row>
    <row r="312" spans="1:1">
      <c r="A312" s="5"/>
    </row>
    <row r="313" spans="1:1">
      <c r="A313" s="5"/>
    </row>
    <row r="314" spans="1:1">
      <c r="A314" s="5"/>
    </row>
    <row r="315" spans="1:1">
      <c r="A315" s="5"/>
    </row>
    <row r="316" spans="1:1">
      <c r="A316" s="5"/>
    </row>
    <row r="317" spans="1:1">
      <c r="A317" s="5"/>
    </row>
    <row r="318" spans="1:1">
      <c r="A318" s="5"/>
    </row>
    <row r="319" spans="1:1">
      <c r="A319" s="5"/>
    </row>
    <row r="320" spans="1:1">
      <c r="A320" s="5"/>
    </row>
    <row r="321" spans="1:1">
      <c r="A321" s="5"/>
    </row>
    <row r="322" spans="1:1">
      <c r="A322" s="5"/>
    </row>
    <row r="323" spans="1:1">
      <c r="A323" s="5"/>
    </row>
    <row r="324" spans="1:1">
      <c r="A324" s="5"/>
    </row>
    <row r="325" spans="1:1">
      <c r="A325" s="5"/>
    </row>
    <row r="326" spans="1:1">
      <c r="A326" s="5"/>
    </row>
    <row r="327" spans="1:1">
      <c r="A327" s="5"/>
    </row>
    <row r="328" spans="1:1">
      <c r="A328" s="5"/>
    </row>
    <row r="329" spans="1:1">
      <c r="A329" s="5"/>
    </row>
    <row r="330" spans="1:1">
      <c r="A330" s="5"/>
    </row>
    <row r="331" spans="1:1">
      <c r="A331" s="5"/>
    </row>
    <row r="332" spans="1:1">
      <c r="A332" s="5"/>
    </row>
    <row r="333" spans="1:1">
      <c r="A333" s="5"/>
    </row>
    <row r="334" spans="1:1">
      <c r="A334" s="5"/>
    </row>
    <row r="335" spans="1:1">
      <c r="A335" s="5"/>
    </row>
    <row r="336" spans="1:1">
      <c r="A336" s="5"/>
    </row>
    <row r="337" spans="1:1">
      <c r="A337" s="5"/>
    </row>
    <row r="338" spans="1:1">
      <c r="A338" s="5"/>
    </row>
    <row r="339" spans="1:1">
      <c r="A339" s="5"/>
    </row>
    <row r="340" spans="1:1">
      <c r="A340" s="5"/>
    </row>
    <row r="341" spans="1:1">
      <c r="A341" s="5"/>
    </row>
    <row r="342" spans="1:1">
      <c r="A342" s="5"/>
    </row>
    <row r="343" spans="1:1">
      <c r="A343" s="5"/>
    </row>
    <row r="344" spans="1:1">
      <c r="A344" s="5"/>
    </row>
    <row r="345" spans="1:1">
      <c r="A345" s="5"/>
    </row>
    <row r="346" spans="1:1">
      <c r="A346" s="5"/>
    </row>
    <row r="347" spans="1:1">
      <c r="A347" s="5"/>
    </row>
    <row r="348" spans="1:1">
      <c r="A348" s="5"/>
    </row>
    <row r="349" spans="1:1">
      <c r="A349" s="5"/>
    </row>
    <row r="350" spans="1:1">
      <c r="A350" s="5"/>
    </row>
    <row r="351" spans="1:1">
      <c r="A351" s="5"/>
    </row>
    <row r="352" spans="1:1">
      <c r="A352" s="5"/>
    </row>
    <row r="353" spans="1:1">
      <c r="A353" s="5"/>
    </row>
    <row r="354" spans="1:1">
      <c r="A354" s="5"/>
    </row>
    <row r="355" spans="1:1">
      <c r="A355" s="5"/>
    </row>
    <row r="356" spans="1:1">
      <c r="A356" s="5"/>
    </row>
    <row r="357" spans="1:1">
      <c r="A357" s="5"/>
    </row>
    <row r="358" spans="1:1">
      <c r="A358" s="5"/>
    </row>
    <row r="359" spans="1:1">
      <c r="A359" s="5"/>
    </row>
    <row r="360" spans="1:1">
      <c r="A360" s="5"/>
    </row>
    <row r="361" spans="1:1">
      <c r="A361" s="5"/>
    </row>
    <row r="362" spans="1:1">
      <c r="A362" s="5"/>
    </row>
    <row r="363" spans="1:1">
      <c r="A363" s="5"/>
    </row>
    <row r="364" spans="1:1">
      <c r="A364" s="5"/>
    </row>
    <row r="365" spans="1:1">
      <c r="A365" s="5"/>
    </row>
    <row r="366" spans="1:1">
      <c r="A366" s="5"/>
    </row>
    <row r="367" spans="1:1">
      <c r="A367" s="5"/>
    </row>
    <row r="368" spans="1:1">
      <c r="A368" s="5"/>
    </row>
    <row r="369" spans="1:1">
      <c r="A369" s="5"/>
    </row>
    <row r="370" spans="1:1">
      <c r="A370" s="5"/>
    </row>
    <row r="371" spans="1:1">
      <c r="A371" s="5"/>
    </row>
    <row r="372" spans="1:1">
      <c r="A372" s="5"/>
    </row>
    <row r="373" spans="1:1">
      <c r="A373" s="5"/>
    </row>
    <row r="374" spans="1:1">
      <c r="A374" s="5"/>
    </row>
    <row r="375" spans="1:1">
      <c r="A375" s="5"/>
    </row>
    <row r="376" spans="1:1">
      <c r="A376" s="5"/>
    </row>
    <row r="377" spans="1:1">
      <c r="A377" s="5"/>
    </row>
    <row r="378" spans="1:1">
      <c r="A378" s="5"/>
    </row>
    <row r="379" spans="1:1">
      <c r="A379" s="5"/>
    </row>
    <row r="380" spans="1:1">
      <c r="A380" s="5"/>
    </row>
    <row r="381" spans="1:1">
      <c r="A381" s="5"/>
    </row>
    <row r="382" spans="1:1">
      <c r="A382" s="5"/>
    </row>
    <row r="383" spans="1:1">
      <c r="A383" s="5"/>
    </row>
    <row r="384" spans="1:1">
      <c r="A384" s="5"/>
    </row>
    <row r="385" spans="1:1">
      <c r="A385" s="5"/>
    </row>
    <row r="386" spans="1:1">
      <c r="A386" s="5"/>
    </row>
    <row r="387" spans="1:1">
      <c r="A387" s="5"/>
    </row>
    <row r="388" spans="1:1">
      <c r="A388" s="5"/>
    </row>
    <row r="389" spans="1:1">
      <c r="A389" s="5"/>
    </row>
    <row r="390" spans="1:1">
      <c r="A390" s="5"/>
    </row>
    <row r="391" spans="1:1">
      <c r="A391" s="5"/>
    </row>
    <row r="392" spans="1:1">
      <c r="A392" s="5"/>
    </row>
    <row r="393" spans="1:1">
      <c r="A393" s="5"/>
    </row>
    <row r="394" spans="1:1">
      <c r="A394" s="5"/>
    </row>
    <row r="395" spans="1:1">
      <c r="A395" s="5"/>
    </row>
    <row r="396" spans="1:1">
      <c r="A396" s="5"/>
    </row>
    <row r="397" spans="1:1">
      <c r="A397" s="5"/>
    </row>
    <row r="398" spans="1:1">
      <c r="A398" s="5"/>
    </row>
    <row r="399" spans="1:1">
      <c r="A399" s="5"/>
    </row>
    <row r="400" spans="1:1">
      <c r="A400" s="5"/>
    </row>
    <row r="401" spans="1:1">
      <c r="A401" s="5"/>
    </row>
    <row r="402" spans="1:1">
      <c r="A402" s="5"/>
    </row>
    <row r="403" spans="1:1">
      <c r="A403" s="5"/>
    </row>
    <row r="404" spans="1:1">
      <c r="A404" s="5"/>
    </row>
    <row r="405" spans="1:1">
      <c r="A405" s="5"/>
    </row>
    <row r="406" spans="1:1">
      <c r="A406" s="5"/>
    </row>
    <row r="407" spans="1:1">
      <c r="A407" s="5"/>
    </row>
    <row r="408" spans="1:1">
      <c r="A408" s="5"/>
    </row>
    <row r="409" spans="1:1">
      <c r="A409" s="5"/>
    </row>
    <row r="410" spans="1:1">
      <c r="A410" s="5"/>
    </row>
    <row r="411" spans="1:1">
      <c r="A411" s="5"/>
    </row>
    <row r="412" spans="1:1">
      <c r="A412" s="5"/>
    </row>
    <row r="413" spans="1:1">
      <c r="A413" s="5"/>
    </row>
    <row r="414" spans="1:1">
      <c r="A414" s="5"/>
    </row>
    <row r="415" spans="1:1">
      <c r="A415" s="5"/>
    </row>
    <row r="416" spans="1:1">
      <c r="A416" s="5"/>
    </row>
    <row r="417" spans="1:1">
      <c r="A417" s="5"/>
    </row>
    <row r="418" spans="1:1">
      <c r="A418" s="5"/>
    </row>
    <row r="419" spans="1:1">
      <c r="A419" s="5"/>
    </row>
    <row r="420" spans="1:1">
      <c r="A420" s="5"/>
    </row>
    <row r="421" spans="1:1">
      <c r="A421" s="5"/>
    </row>
    <row r="422" spans="1:1">
      <c r="A422" s="5"/>
    </row>
    <row r="423" spans="1:1">
      <c r="A423" s="5"/>
    </row>
    <row r="424" spans="1:1">
      <c r="A424" s="5"/>
    </row>
    <row r="425" spans="1:1">
      <c r="A425" s="5"/>
    </row>
    <row r="426" spans="1:1">
      <c r="A426" s="5"/>
    </row>
    <row r="427" spans="1:1">
      <c r="A427" s="5"/>
    </row>
    <row r="428" spans="1:1">
      <c r="A428" s="5"/>
    </row>
    <row r="429" spans="1:1">
      <c r="A429" s="5"/>
    </row>
    <row r="430" spans="1:1">
      <c r="A430" s="5"/>
    </row>
    <row r="431" spans="1:1">
      <c r="A431" s="5"/>
    </row>
    <row r="432" spans="1:1">
      <c r="A432" s="5"/>
    </row>
    <row r="433" spans="1:1">
      <c r="A433" s="5"/>
    </row>
    <row r="434" spans="1:1">
      <c r="A434" s="5"/>
    </row>
    <row r="435" spans="1:1">
      <c r="A435" s="5"/>
    </row>
    <row r="436" spans="1:1">
      <c r="A436" s="5"/>
    </row>
    <row r="437" spans="1:1">
      <c r="A437" s="5"/>
    </row>
    <row r="438" spans="1:1">
      <c r="A438" s="5"/>
    </row>
    <row r="439" spans="1:1">
      <c r="A439" s="5"/>
    </row>
    <row r="440" spans="1:1">
      <c r="A440" s="5"/>
    </row>
    <row r="441" spans="1:1">
      <c r="A441" s="5"/>
    </row>
    <row r="442" spans="1:1">
      <c r="A442" s="5"/>
    </row>
    <row r="443" spans="1:1">
      <c r="A443" s="5"/>
    </row>
    <row r="444" spans="1:1">
      <c r="A444" s="5"/>
    </row>
    <row r="445" spans="1:1">
      <c r="A445" s="5"/>
    </row>
    <row r="446" spans="1:1">
      <c r="A446" s="5"/>
    </row>
    <row r="447" spans="1:1">
      <c r="A447" s="5"/>
    </row>
    <row r="448" spans="1:1">
      <c r="A448" s="5"/>
    </row>
    <row r="449" spans="1:1">
      <c r="A449" s="5"/>
    </row>
    <row r="450" spans="1:1">
      <c r="A450" s="5"/>
    </row>
    <row r="451" spans="1:1">
      <c r="A451" s="5"/>
    </row>
    <row r="452" spans="1:1">
      <c r="A452" s="5"/>
    </row>
    <row r="453" spans="1:1">
      <c r="A453" s="5"/>
    </row>
    <row r="454" spans="1:1">
      <c r="A454" s="5"/>
    </row>
    <row r="455" spans="1:1">
      <c r="A455" s="5"/>
    </row>
    <row r="456" spans="1:1">
      <c r="A456" s="5"/>
    </row>
    <row r="457" spans="1:1">
      <c r="A457" s="5"/>
    </row>
    <row r="458" spans="1:1">
      <c r="A458" s="5"/>
    </row>
    <row r="459" spans="1:1">
      <c r="A459" s="5"/>
    </row>
    <row r="460" spans="1:1">
      <c r="A460" s="5"/>
    </row>
    <row r="461" spans="1:1">
      <c r="A461" s="5"/>
    </row>
    <row r="462" spans="1:1">
      <c r="A462" s="5"/>
    </row>
    <row r="463" spans="1:1">
      <c r="A463" s="5"/>
    </row>
    <row r="464" spans="1:1">
      <c r="A464" s="5"/>
    </row>
    <row r="465" spans="1:1">
      <c r="A465" s="5"/>
    </row>
    <row r="466" spans="1:1">
      <c r="A466" s="5"/>
    </row>
    <row r="467" spans="1:1">
      <c r="A467" s="5"/>
    </row>
    <row r="468" spans="1:1">
      <c r="A468" s="5"/>
    </row>
    <row r="469" spans="1:1">
      <c r="A469" s="5"/>
    </row>
    <row r="470" spans="1:1">
      <c r="A470" s="5"/>
    </row>
    <row r="471" spans="1:1">
      <c r="A471" s="5"/>
    </row>
    <row r="472" spans="1:1">
      <c r="A472" s="5"/>
    </row>
    <row r="473" spans="1:1">
      <c r="A473" s="5"/>
    </row>
    <row r="474" spans="1:1">
      <c r="A474" s="5"/>
    </row>
    <row r="475" spans="1:1">
      <c r="A475" s="5"/>
    </row>
    <row r="476" spans="1:1">
      <c r="A476" s="5"/>
    </row>
    <row r="477" spans="1:1">
      <c r="A477" s="5"/>
    </row>
    <row r="478" spans="1:1">
      <c r="A478" s="5"/>
    </row>
    <row r="479" spans="1:1">
      <c r="A479" s="5"/>
    </row>
    <row r="480" spans="1:1">
      <c r="A480" s="5"/>
    </row>
    <row r="481" spans="1:1">
      <c r="A481" s="5"/>
    </row>
    <row r="482" spans="1:1">
      <c r="A482" s="5"/>
    </row>
    <row r="483" spans="1:1">
      <c r="A483" s="5"/>
    </row>
    <row r="484" spans="1:1">
      <c r="A484" s="5"/>
    </row>
    <row r="485" spans="1:1">
      <c r="A485" s="5"/>
    </row>
    <row r="486" spans="1:1">
      <c r="A486" s="5"/>
    </row>
    <row r="487" spans="1:1">
      <c r="A487" s="5"/>
    </row>
    <row r="488" spans="1:1">
      <c r="A488" s="5"/>
    </row>
    <row r="489" spans="1:1">
      <c r="A489" s="5"/>
    </row>
    <row r="490" spans="1:1">
      <c r="A490" s="5"/>
    </row>
    <row r="491" spans="1:1">
      <c r="A491" s="5"/>
    </row>
    <row r="492" spans="1:1">
      <c r="A492" s="5"/>
    </row>
    <row r="493" spans="1:1">
      <c r="A493" s="5"/>
    </row>
    <row r="494" spans="1:1">
      <c r="A494" s="5"/>
    </row>
    <row r="495" spans="1:1">
      <c r="A495" s="5"/>
    </row>
    <row r="496" spans="1:1">
      <c r="A496" s="5"/>
    </row>
    <row r="497" spans="1:1">
      <c r="A497" s="5"/>
    </row>
    <row r="498" spans="1:1">
      <c r="A498" s="5"/>
    </row>
    <row r="499" spans="1:1">
      <c r="A499" s="5"/>
    </row>
    <row r="500" spans="1:1">
      <c r="A500" s="5"/>
    </row>
    <row r="501" spans="1:1">
      <c r="A501" s="5"/>
    </row>
    <row r="502" spans="1:1">
      <c r="A502" s="5"/>
    </row>
    <row r="503" spans="1:1">
      <c r="A503" s="5"/>
    </row>
    <row r="504" spans="1:1">
      <c r="A504" s="5"/>
    </row>
    <row r="505" spans="1:1">
      <c r="A505" s="5"/>
    </row>
    <row r="506" spans="1:1">
      <c r="A506" s="5"/>
    </row>
    <row r="507" spans="1:1">
      <c r="A507" s="5"/>
    </row>
    <row r="508" spans="1:1">
      <c r="A508" s="5"/>
    </row>
    <row r="509" spans="1:1">
      <c r="A509" s="5"/>
    </row>
    <row r="510" spans="1:1">
      <c r="A510" s="5"/>
    </row>
    <row r="511" spans="1:1">
      <c r="A511" s="5"/>
    </row>
    <row r="512" spans="1:1">
      <c r="A512" s="5"/>
    </row>
    <row r="513" spans="1:1">
      <c r="A513" s="5"/>
    </row>
    <row r="514" spans="1:1">
      <c r="A514" s="5"/>
    </row>
    <row r="515" spans="1:1">
      <c r="A515" s="5"/>
    </row>
    <row r="516" spans="1:1">
      <c r="A516" s="5"/>
    </row>
    <row r="517" spans="1:1">
      <c r="A517" s="5"/>
    </row>
    <row r="518" spans="1:1">
      <c r="A518" s="5"/>
    </row>
    <row r="519" spans="1:1">
      <c r="A519" s="5"/>
    </row>
    <row r="520" spans="1:1">
      <c r="A520" s="5"/>
    </row>
    <row r="521" spans="1:1">
      <c r="A521" s="5"/>
    </row>
    <row r="522" spans="1:1">
      <c r="A522" s="5"/>
    </row>
    <row r="523" spans="1:1">
      <c r="A523" s="5"/>
    </row>
    <row r="524" spans="1:1">
      <c r="A524" s="5"/>
    </row>
    <row r="525" spans="1:1">
      <c r="A525" s="5"/>
    </row>
    <row r="526" spans="1:1">
      <c r="A526" s="5"/>
    </row>
    <row r="527" spans="1:1">
      <c r="A527" s="5"/>
    </row>
    <row r="528" spans="1:1">
      <c r="A528" s="5"/>
    </row>
    <row r="529" spans="1:1">
      <c r="A529" s="5"/>
    </row>
    <row r="530" spans="1:1">
      <c r="A530" s="5"/>
    </row>
    <row r="531" spans="1:1">
      <c r="A531" s="5"/>
    </row>
    <row r="532" spans="1:1">
      <c r="A532" s="5"/>
    </row>
    <row r="533" spans="1:1">
      <c r="A533" s="5"/>
    </row>
    <row r="534" spans="1:1">
      <c r="A534" s="5"/>
    </row>
    <row r="535" spans="1:1">
      <c r="A535" s="5"/>
    </row>
    <row r="536" spans="1:1">
      <c r="A536" s="5"/>
    </row>
    <row r="537" spans="1:1">
      <c r="A537" s="5"/>
    </row>
    <row r="538" spans="1:1">
      <c r="A538" s="5"/>
    </row>
    <row r="539" spans="1:1">
      <c r="A539" s="5"/>
    </row>
    <row r="540" spans="1:1">
      <c r="A540" s="5"/>
    </row>
    <row r="541" spans="1:1">
      <c r="A541" s="5"/>
    </row>
    <row r="542" spans="1:1">
      <c r="A542" s="5"/>
    </row>
    <row r="543" spans="1:1">
      <c r="A543" s="5"/>
    </row>
    <row r="544" spans="1:1">
      <c r="A544" s="5"/>
    </row>
    <row r="545" spans="1:1">
      <c r="A545" s="5"/>
    </row>
    <row r="546" spans="1:1">
      <c r="A546" s="5"/>
    </row>
    <row r="547" spans="1:1">
      <c r="A547" s="5"/>
    </row>
    <row r="548" spans="1:1">
      <c r="A548" s="5"/>
    </row>
    <row r="549" spans="1:1">
      <c r="A549" s="5"/>
    </row>
    <row r="550" spans="1:1">
      <c r="A550" s="5"/>
    </row>
    <row r="551" spans="1:1">
      <c r="A551" s="5"/>
    </row>
    <row r="552" spans="1:1">
      <c r="A552" s="5"/>
    </row>
    <row r="553" spans="1:1">
      <c r="A553" s="5"/>
    </row>
    <row r="554" spans="1:1">
      <c r="A554" s="5"/>
    </row>
    <row r="555" spans="1:1">
      <c r="A555" s="5"/>
    </row>
    <row r="556" spans="1:1">
      <c r="A556" s="5"/>
    </row>
    <row r="557" spans="1:1">
      <c r="A557" s="5"/>
    </row>
    <row r="558" spans="1:1">
      <c r="A558" s="5"/>
    </row>
    <row r="559" spans="1:1">
      <c r="A559" s="5"/>
    </row>
    <row r="560" spans="1:1">
      <c r="A560" s="5"/>
    </row>
    <row r="561" spans="1:1">
      <c r="A561" s="5"/>
    </row>
    <row r="562" spans="1:1">
      <c r="A562" s="5"/>
    </row>
    <row r="563" spans="1:1">
      <c r="A563" s="5"/>
    </row>
    <row r="564" spans="1:1">
      <c r="A564" s="5"/>
    </row>
    <row r="565" spans="1:1">
      <c r="A565" s="5"/>
    </row>
    <row r="566" spans="1:1">
      <c r="A566" s="5"/>
    </row>
    <row r="567" spans="1:1">
      <c r="A567" s="5"/>
    </row>
    <row r="568" spans="1:1">
      <c r="A568" s="5"/>
    </row>
    <row r="569" spans="1:1">
      <c r="A569" s="5"/>
    </row>
    <row r="570" spans="1:1">
      <c r="A570" s="5"/>
    </row>
    <row r="571" spans="1:1">
      <c r="A571" s="5"/>
    </row>
    <row r="572" spans="1:1">
      <c r="A572" s="5"/>
    </row>
    <row r="573" spans="1:1">
      <c r="A573" s="5"/>
    </row>
    <row r="574" spans="1:1">
      <c r="A574" s="5"/>
    </row>
    <row r="575" spans="1:1">
      <c r="A575" s="5"/>
    </row>
    <row r="576" spans="1:1">
      <c r="A576" s="5"/>
    </row>
    <row r="577" spans="1:1">
      <c r="A577" s="5"/>
    </row>
    <row r="578" spans="1:1">
      <c r="A578" s="5"/>
    </row>
    <row r="579" spans="1:1">
      <c r="A579" s="5"/>
    </row>
    <row r="580" spans="1:1">
      <c r="A580" s="5"/>
    </row>
    <row r="581" spans="1:1">
      <c r="A581" s="5"/>
    </row>
    <row r="582" spans="1:1">
      <c r="A582" s="5"/>
    </row>
    <row r="583" spans="1:1">
      <c r="A583" s="5"/>
    </row>
    <row r="584" spans="1:1">
      <c r="A584" s="5"/>
    </row>
    <row r="585" spans="1:1">
      <c r="A585" s="5"/>
    </row>
    <row r="586" spans="1:1">
      <c r="A586" s="5"/>
    </row>
    <row r="587" spans="1:1">
      <c r="A587" s="5"/>
    </row>
    <row r="588" spans="1:1">
      <c r="A588" s="5"/>
    </row>
    <row r="589" spans="1:1">
      <c r="A589" s="5"/>
    </row>
    <row r="590" spans="1:1">
      <c r="A590" s="5"/>
    </row>
    <row r="591" spans="1:1">
      <c r="A591" s="5"/>
    </row>
    <row r="592" spans="1:1">
      <c r="A592" s="5"/>
    </row>
    <row r="593" spans="1:1">
      <c r="A593" s="5"/>
    </row>
    <row r="594" spans="1:1">
      <c r="A594" s="5"/>
    </row>
    <row r="595" spans="1:1">
      <c r="A595" s="5"/>
    </row>
    <row r="596" spans="1:1">
      <c r="A596" s="5"/>
    </row>
    <row r="597" spans="1:1">
      <c r="A597" s="5"/>
    </row>
    <row r="598" spans="1:1">
      <c r="A598" s="5"/>
    </row>
    <row r="599" spans="1:1">
      <c r="A599" s="5"/>
    </row>
    <row r="600" spans="1:1">
      <c r="A600" s="5"/>
    </row>
    <row r="601" spans="1:1">
      <c r="A601" s="5"/>
    </row>
    <row r="602" spans="1:1">
      <c r="A602" s="5"/>
    </row>
    <row r="603" spans="1:1">
      <c r="A603" s="5"/>
    </row>
    <row r="604" spans="1:1">
      <c r="A604" s="5"/>
    </row>
    <row r="605" spans="1:1">
      <c r="A605" s="5"/>
    </row>
    <row r="606" spans="1:1">
      <c r="A606" s="5"/>
    </row>
    <row r="607" spans="1:1">
      <c r="A607" s="5"/>
    </row>
    <row r="608" spans="1:1">
      <c r="A608" s="5"/>
    </row>
    <row r="609" spans="1:1">
      <c r="A609" s="5"/>
    </row>
    <row r="610" spans="1:1">
      <c r="A610" s="5"/>
    </row>
    <row r="611" spans="1:1">
      <c r="A611" s="5"/>
    </row>
    <row r="612" spans="1:1">
      <c r="A612" s="5"/>
    </row>
    <row r="613" spans="1:1">
      <c r="A613" s="5"/>
    </row>
    <row r="614" spans="1:1">
      <c r="A614" s="5"/>
    </row>
    <row r="615" spans="1:1">
      <c r="A615" s="5"/>
    </row>
    <row r="616" spans="1:1">
      <c r="A616" s="5"/>
    </row>
    <row r="617" spans="1:1">
      <c r="A617" s="5"/>
    </row>
    <row r="618" spans="1:1">
      <c r="A618" s="5"/>
    </row>
    <row r="619" spans="1:1">
      <c r="A619" s="5"/>
    </row>
    <row r="620" spans="1:1">
      <c r="A620" s="5"/>
    </row>
    <row r="621" spans="1:1">
      <c r="A621" s="5"/>
    </row>
    <row r="622" spans="1:1">
      <c r="A622" s="5"/>
    </row>
    <row r="623" spans="1:1">
      <c r="A623" s="5"/>
    </row>
    <row r="624" spans="1:1">
      <c r="A624" s="5"/>
    </row>
    <row r="625" spans="1:1">
      <c r="A625" s="5"/>
    </row>
    <row r="626" spans="1:1">
      <c r="A626" s="5"/>
    </row>
    <row r="627" spans="1:1">
      <c r="A627" s="5"/>
    </row>
    <row r="628" spans="1:1">
      <c r="A628" s="5"/>
    </row>
    <row r="629" spans="1:1">
      <c r="A629" s="5"/>
    </row>
    <row r="630" spans="1:1">
      <c r="A630" s="5"/>
    </row>
    <row r="631" spans="1:1">
      <c r="A631" s="5"/>
    </row>
    <row r="632" spans="1:1">
      <c r="A632" s="5"/>
    </row>
    <row r="633" spans="1:1">
      <c r="A633" s="5"/>
    </row>
    <row r="634" spans="1:1">
      <c r="A634" s="5"/>
    </row>
    <row r="635" spans="1:1">
      <c r="A635" s="5"/>
    </row>
    <row r="636" spans="1:1">
      <c r="A636" s="5"/>
    </row>
    <row r="637" spans="1:1">
      <c r="A637" s="5"/>
    </row>
    <row r="638" spans="1:1">
      <c r="A638" s="5"/>
    </row>
    <row r="639" spans="1:1">
      <c r="A639" s="5"/>
    </row>
    <row r="640" spans="1:1">
      <c r="A640" s="5"/>
    </row>
    <row r="641" spans="1:1">
      <c r="A641" s="5"/>
    </row>
    <row r="642" spans="1:1">
      <c r="A642" s="5"/>
    </row>
    <row r="643" spans="1:1">
      <c r="A643" s="5"/>
    </row>
    <row r="644" spans="1:1">
      <c r="A644" s="5"/>
    </row>
    <row r="645" spans="1:1">
      <c r="A645" s="5"/>
    </row>
    <row r="646" spans="1:1">
      <c r="A646" s="5"/>
    </row>
    <row r="647" spans="1:1">
      <c r="A647" s="5"/>
    </row>
    <row r="648" spans="1:1">
      <c r="A648" s="5"/>
    </row>
    <row r="649" spans="1:1">
      <c r="A649" s="5"/>
    </row>
    <row r="650" spans="1:1">
      <c r="A650" s="5"/>
    </row>
    <row r="651" spans="1:1">
      <c r="A651" s="5"/>
    </row>
    <row r="652" spans="1:1">
      <c r="A652" s="5"/>
    </row>
    <row r="653" spans="1:1">
      <c r="A653" s="5"/>
    </row>
    <row r="654" spans="1:1">
      <c r="A654" s="5"/>
    </row>
    <row r="655" spans="1:1">
      <c r="A655" s="5"/>
    </row>
    <row r="656" spans="1:1">
      <c r="A656" s="5"/>
    </row>
    <row r="657" spans="1:1">
      <c r="A657" s="5"/>
    </row>
    <row r="658" spans="1:1">
      <c r="A658" s="5"/>
    </row>
    <row r="659" spans="1:1">
      <c r="A659" s="5"/>
    </row>
    <row r="660" spans="1:1">
      <c r="A660" s="5"/>
    </row>
    <row r="661" spans="1:1">
      <c r="A661" s="5"/>
    </row>
    <row r="662" spans="1:1">
      <c r="A662" s="5"/>
    </row>
    <row r="663" spans="1:1">
      <c r="A663" s="5"/>
    </row>
    <row r="664" spans="1:1">
      <c r="A664" s="5"/>
    </row>
    <row r="665" spans="1:1">
      <c r="A665" s="5"/>
    </row>
    <row r="666" spans="1:1">
      <c r="A666" s="5"/>
    </row>
    <row r="667" spans="1:1">
      <c r="A667" s="5"/>
    </row>
    <row r="668" spans="1:1">
      <c r="A668" s="5"/>
    </row>
    <row r="669" spans="1:1">
      <c r="A669" s="5"/>
    </row>
    <row r="670" spans="1:1">
      <c r="A670" s="5"/>
    </row>
    <row r="671" spans="1:1">
      <c r="A671" s="5"/>
    </row>
    <row r="672" spans="1:1">
      <c r="A672" s="5"/>
    </row>
    <row r="673" spans="1:1">
      <c r="A673" s="5"/>
    </row>
    <row r="674" spans="1:1">
      <c r="A674" s="5"/>
    </row>
    <row r="675" spans="1:1">
      <c r="A675" s="5"/>
    </row>
    <row r="676" spans="1:1">
      <c r="A676" s="5"/>
    </row>
    <row r="677" spans="1:1">
      <c r="A677" s="5"/>
    </row>
    <row r="678" spans="1:1">
      <c r="A678" s="5"/>
    </row>
    <row r="679" spans="1:1">
      <c r="A679" s="5"/>
    </row>
    <row r="680" spans="1:1">
      <c r="A680" s="5"/>
    </row>
    <row r="681" spans="1:1">
      <c r="A681" s="5"/>
    </row>
    <row r="682" spans="1:1">
      <c r="A682" s="5"/>
    </row>
    <row r="683" spans="1:1">
      <c r="A683" s="5"/>
    </row>
    <row r="684" spans="1:1">
      <c r="A684" s="5"/>
    </row>
    <row r="685" spans="1:1">
      <c r="A685" s="5"/>
    </row>
    <row r="686" spans="1:1">
      <c r="A686" s="5"/>
    </row>
    <row r="687" spans="1:1">
      <c r="A687" s="5"/>
    </row>
    <row r="688" spans="1:1">
      <c r="A688" s="5"/>
    </row>
    <row r="689" spans="1:1">
      <c r="A689" s="5"/>
    </row>
    <row r="690" spans="1:1">
      <c r="A690" s="5"/>
    </row>
    <row r="691" spans="1:1">
      <c r="A691" s="5"/>
    </row>
    <row r="692" spans="1:1">
      <c r="A692" s="5"/>
    </row>
    <row r="693" spans="1:1">
      <c r="A693" s="5"/>
    </row>
    <row r="694" spans="1:1">
      <c r="A694" s="5"/>
    </row>
    <row r="695" spans="1:1">
      <c r="A695" s="5"/>
    </row>
    <row r="696" spans="1:1">
      <c r="A696" s="5"/>
    </row>
    <row r="697" spans="1:1">
      <c r="A697" s="5"/>
    </row>
    <row r="698" spans="1:1">
      <c r="A698" s="5"/>
    </row>
    <row r="699" spans="1:1">
      <c r="A699" s="5"/>
    </row>
    <row r="700" spans="1:1">
      <c r="A700" s="5"/>
    </row>
    <row r="701" spans="1:1">
      <c r="A701" s="5"/>
    </row>
    <row r="702" spans="1:1">
      <c r="A702" s="5"/>
    </row>
    <row r="703" spans="1:1">
      <c r="A703" s="5"/>
    </row>
    <row r="704" spans="1:1">
      <c r="A704" s="5"/>
    </row>
    <row r="705" spans="1:1">
      <c r="A705" s="5"/>
    </row>
    <row r="706" spans="1:1">
      <c r="A706" s="5"/>
    </row>
    <row r="707" spans="1:1">
      <c r="A707" s="5"/>
    </row>
    <row r="708" spans="1:1">
      <c r="A708" s="5"/>
    </row>
    <row r="709" spans="1:1">
      <c r="A709" s="5"/>
    </row>
    <row r="710" spans="1:1">
      <c r="A710" s="5"/>
    </row>
    <row r="711" spans="1:1">
      <c r="A711" s="5"/>
    </row>
    <row r="712" spans="1:1">
      <c r="A712" s="5"/>
    </row>
    <row r="713" spans="1:1">
      <c r="A713" s="5"/>
    </row>
    <row r="714" spans="1:1">
      <c r="A714" s="5"/>
    </row>
    <row r="715" spans="1:1">
      <c r="A715" s="5"/>
    </row>
    <row r="716" spans="1:1">
      <c r="A716" s="5"/>
    </row>
    <row r="717" spans="1:1">
      <c r="A717" s="5"/>
    </row>
    <row r="718" spans="1:1">
      <c r="A718" s="5"/>
    </row>
    <row r="719" spans="1:1">
      <c r="A719" s="5"/>
    </row>
    <row r="720" spans="1:1">
      <c r="A720" s="5"/>
    </row>
    <row r="721" spans="1:1">
      <c r="A721" s="5"/>
    </row>
    <row r="722" spans="1:1">
      <c r="A722" s="5"/>
    </row>
    <row r="723" spans="1:1">
      <c r="A723" s="5"/>
    </row>
    <row r="724" spans="1:1">
      <c r="A724" s="5"/>
    </row>
    <row r="725" spans="1:1">
      <c r="A725" s="5"/>
    </row>
    <row r="726" spans="1:1">
      <c r="A726" s="5"/>
    </row>
    <row r="727" spans="1:1">
      <c r="A727" s="5"/>
    </row>
    <row r="728" spans="1:1">
      <c r="A728" s="5"/>
    </row>
    <row r="729" spans="1:1">
      <c r="A729" s="5"/>
    </row>
    <row r="730" spans="1:1">
      <c r="A730" s="5"/>
    </row>
    <row r="731" spans="1:1">
      <c r="A731" s="5"/>
    </row>
    <row r="732" spans="1:1">
      <c r="A732" s="5"/>
    </row>
    <row r="733" spans="1:1">
      <c r="A733" s="5"/>
    </row>
    <row r="734" spans="1:1">
      <c r="A734" s="5"/>
    </row>
    <row r="735" spans="1:1">
      <c r="A735" s="5"/>
    </row>
    <row r="736" spans="1:1">
      <c r="A736" s="5"/>
    </row>
    <row r="737" spans="1:1">
      <c r="A737" s="5"/>
    </row>
    <row r="738" spans="1:1">
      <c r="A738" s="5"/>
    </row>
    <row r="739" spans="1:1">
      <c r="A739" s="5"/>
    </row>
    <row r="740" spans="1:1">
      <c r="A740" s="5"/>
    </row>
    <row r="741" spans="1:1">
      <c r="A741" s="5"/>
    </row>
    <row r="742" spans="1:1">
      <c r="A742" s="5"/>
    </row>
    <row r="743" spans="1:1">
      <c r="A743" s="5"/>
    </row>
    <row r="744" spans="1:1">
      <c r="A744" s="5"/>
    </row>
    <row r="745" spans="1:1">
      <c r="A745" s="5"/>
    </row>
    <row r="746" spans="1:1">
      <c r="A746" s="5"/>
    </row>
    <row r="747" spans="1:1">
      <c r="A747" s="5"/>
    </row>
    <row r="748" spans="1:1">
      <c r="A748" s="5"/>
    </row>
    <row r="749" spans="1:1">
      <c r="A749" s="5"/>
    </row>
    <row r="750" spans="1:1">
      <c r="A750" s="5"/>
    </row>
    <row r="751" spans="1:1">
      <c r="A751" s="5"/>
    </row>
    <row r="752" spans="1:1">
      <c r="A752" s="5"/>
    </row>
    <row r="753" spans="1:1">
      <c r="A753" s="5"/>
    </row>
    <row r="754" spans="1:1">
      <c r="A754" s="5"/>
    </row>
    <row r="755" spans="1:1">
      <c r="A755" s="5"/>
    </row>
    <row r="756" spans="1:1">
      <c r="A756" s="5"/>
    </row>
    <row r="757" spans="1:1">
      <c r="A757" s="5"/>
    </row>
    <row r="758" spans="1:1">
      <c r="A758" s="5"/>
    </row>
    <row r="759" spans="1:1">
      <c r="A759" s="5"/>
    </row>
    <row r="760" spans="1:1">
      <c r="A760" s="5"/>
    </row>
    <row r="761" spans="1:1">
      <c r="A761" s="5"/>
    </row>
    <row r="762" spans="1:1">
      <c r="A762" s="5"/>
    </row>
    <row r="763" spans="1:1">
      <c r="A763" s="5"/>
    </row>
    <row r="764" spans="1:1">
      <c r="A764" s="5"/>
    </row>
    <row r="765" spans="1:1">
      <c r="A765" s="5"/>
    </row>
    <row r="766" spans="1:1">
      <c r="A766" s="5"/>
    </row>
    <row r="767" spans="1:1">
      <c r="A767" s="5"/>
    </row>
    <row r="768" spans="1:1">
      <c r="A768" s="5"/>
    </row>
    <row r="769" spans="1:1">
      <c r="A769" s="5"/>
    </row>
    <row r="770" spans="1:1">
      <c r="A770" s="5"/>
    </row>
    <row r="771" spans="1:1">
      <c r="A771" s="5"/>
    </row>
    <row r="772" spans="1:1">
      <c r="A772" s="5"/>
    </row>
    <row r="773" spans="1:1">
      <c r="A773" s="5"/>
    </row>
    <row r="774" spans="1:1">
      <c r="A774" s="5"/>
    </row>
    <row r="775" spans="1:1">
      <c r="A775" s="5"/>
    </row>
    <row r="776" spans="1:1">
      <c r="A776" s="5"/>
    </row>
    <row r="777" spans="1:1">
      <c r="A777" s="5"/>
    </row>
    <row r="778" spans="1:1">
      <c r="A778" s="5"/>
    </row>
    <row r="779" spans="1:1">
      <c r="A779" s="5"/>
    </row>
    <row r="780" spans="1:1">
      <c r="A780" s="5"/>
    </row>
    <row r="781" spans="1:1">
      <c r="A781" s="5"/>
    </row>
    <row r="782" spans="1:1">
      <c r="A782" s="5"/>
    </row>
    <row r="783" spans="1:1">
      <c r="A783" s="5"/>
    </row>
    <row r="784" spans="1:1">
      <c r="A784" s="5"/>
    </row>
    <row r="785" spans="1:1">
      <c r="A785" s="5"/>
    </row>
    <row r="786" spans="1:1">
      <c r="A786" s="5"/>
    </row>
    <row r="787" spans="1:1">
      <c r="A787" s="5"/>
    </row>
    <row r="788" spans="1:1">
      <c r="A788" s="5"/>
    </row>
    <row r="789" spans="1:1">
      <c r="A789" s="5"/>
    </row>
    <row r="790" spans="1:1">
      <c r="A790" s="5"/>
    </row>
    <row r="791" spans="1:1">
      <c r="A791" s="5"/>
    </row>
    <row r="792" spans="1:1">
      <c r="A792" s="5"/>
    </row>
    <row r="793" spans="1:1">
      <c r="A793" s="5"/>
    </row>
    <row r="794" spans="1:1">
      <c r="A794" s="5"/>
    </row>
    <row r="795" spans="1:1">
      <c r="A795" s="5"/>
    </row>
    <row r="796" spans="1:1">
      <c r="A796" s="5"/>
    </row>
    <row r="797" spans="1:1">
      <c r="A797" s="5"/>
    </row>
    <row r="798" spans="1:1">
      <c r="A798" s="5"/>
    </row>
    <row r="799" spans="1:1">
      <c r="A799" s="5"/>
    </row>
    <row r="800" spans="1:1">
      <c r="A800" s="5"/>
    </row>
    <row r="801" spans="1:1">
      <c r="A801" s="5"/>
    </row>
    <row r="802" spans="1:1">
      <c r="A802" s="5"/>
    </row>
    <row r="803" spans="1:1">
      <c r="A803" s="5"/>
    </row>
    <row r="804" spans="1:1">
      <c r="A804" s="5"/>
    </row>
    <row r="805" spans="1:1">
      <c r="A805" s="5"/>
    </row>
    <row r="806" spans="1:1">
      <c r="A806" s="5"/>
    </row>
    <row r="807" spans="1:1">
      <c r="A807" s="5"/>
    </row>
    <row r="808" spans="1:1">
      <c r="A808" s="5"/>
    </row>
    <row r="809" spans="1:1">
      <c r="A809" s="5"/>
    </row>
    <row r="810" spans="1:1">
      <c r="A810" s="5"/>
    </row>
    <row r="811" spans="1:1">
      <c r="A811" s="5"/>
    </row>
    <row r="812" spans="1:1">
      <c r="A812" s="5"/>
    </row>
    <row r="813" spans="1:1">
      <c r="A813" s="5"/>
    </row>
    <row r="814" spans="1:1">
      <c r="A814" s="5"/>
    </row>
    <row r="815" spans="1:1">
      <c r="A815" s="5"/>
    </row>
    <row r="816" spans="1:1">
      <c r="A816" s="5"/>
    </row>
    <row r="817" spans="1:1">
      <c r="A817" s="5"/>
    </row>
    <row r="818" spans="1:1">
      <c r="A818" s="5"/>
    </row>
    <row r="819" spans="1:1">
      <c r="A819" s="5"/>
    </row>
    <row r="820" spans="1:1">
      <c r="A820" s="5"/>
    </row>
    <row r="821" spans="1:1">
      <c r="A821" s="5"/>
    </row>
    <row r="822" spans="1:1">
      <c r="A822" s="5"/>
    </row>
    <row r="823" spans="1:1">
      <c r="A823" s="5"/>
    </row>
    <row r="824" spans="1:1">
      <c r="A824" s="5"/>
    </row>
    <row r="825" spans="1:1">
      <c r="A825" s="5"/>
    </row>
    <row r="826" spans="1:1">
      <c r="A826" s="5"/>
    </row>
    <row r="827" spans="1:1">
      <c r="A827" s="5"/>
    </row>
    <row r="828" spans="1:1">
      <c r="A828" s="5"/>
    </row>
    <row r="829" spans="1:1">
      <c r="A829" s="5"/>
    </row>
    <row r="830" spans="1:1">
      <c r="A830" s="5"/>
    </row>
    <row r="831" spans="1:1">
      <c r="A831" s="5"/>
    </row>
    <row r="832" spans="1:1">
      <c r="A832" s="5"/>
    </row>
    <row r="833" spans="1:1">
      <c r="A833" s="5"/>
    </row>
    <row r="834" spans="1:1">
      <c r="A834" s="5"/>
    </row>
    <row r="835" spans="1:1">
      <c r="A835" s="5"/>
    </row>
    <row r="836" spans="1:1">
      <c r="A836" s="5"/>
    </row>
    <row r="837" spans="1:1">
      <c r="A837" s="5"/>
    </row>
    <row r="838" spans="1:1">
      <c r="A838" s="5"/>
    </row>
    <row r="839" spans="1:1">
      <c r="A839" s="5"/>
    </row>
    <row r="840" spans="1:1">
      <c r="A840" s="5"/>
    </row>
    <row r="841" spans="1:1">
      <c r="A841" s="5"/>
    </row>
    <row r="842" spans="1:1">
      <c r="A842" s="5"/>
    </row>
    <row r="843" spans="1:1">
      <c r="A843" s="5"/>
    </row>
    <row r="844" spans="1:1">
      <c r="A844" s="5"/>
    </row>
    <row r="845" spans="1:1">
      <c r="A845" s="5"/>
    </row>
    <row r="846" spans="1:1">
      <c r="A846" s="5"/>
    </row>
    <row r="847" spans="1:1">
      <c r="A847" s="5"/>
    </row>
    <row r="848" spans="1:1">
      <c r="A848" s="5"/>
    </row>
    <row r="849" spans="1:1">
      <c r="A849" s="5"/>
    </row>
    <row r="850" spans="1:1">
      <c r="A850" s="5"/>
    </row>
    <row r="851" spans="1:1">
      <c r="A851" s="5"/>
    </row>
    <row r="852" spans="1:1">
      <c r="A852" s="5"/>
    </row>
    <row r="853" spans="1:1">
      <c r="A853" s="5"/>
    </row>
    <row r="854" spans="1:1">
      <c r="A854" s="5"/>
    </row>
    <row r="855" spans="1:1">
      <c r="A855" s="5"/>
    </row>
    <row r="856" spans="1:1">
      <c r="A856" s="5"/>
    </row>
    <row r="857" spans="1:1">
      <c r="A857" s="5"/>
    </row>
    <row r="858" spans="1:1">
      <c r="A858" s="5"/>
    </row>
    <row r="859" spans="1:1">
      <c r="A859" s="5"/>
    </row>
    <row r="860" spans="1:1">
      <c r="A860" s="5"/>
    </row>
    <row r="861" spans="1:1">
      <c r="A861" s="5"/>
    </row>
    <row r="862" spans="1:1">
      <c r="A862" s="5"/>
    </row>
    <row r="863" spans="1:1">
      <c r="A863" s="5"/>
    </row>
    <row r="864" spans="1:1">
      <c r="A864" s="5"/>
    </row>
    <row r="865" spans="1:1">
      <c r="A865" s="5"/>
    </row>
    <row r="866" spans="1:1">
      <c r="A866" s="5"/>
    </row>
    <row r="867" spans="1:1">
      <c r="A867" s="5"/>
    </row>
    <row r="868" spans="1:1">
      <c r="A868" s="5"/>
    </row>
    <row r="869" spans="1:1">
      <c r="A869" s="5"/>
    </row>
    <row r="870" spans="1:1">
      <c r="A870" s="5"/>
    </row>
    <row r="871" spans="1:1">
      <c r="A871" s="5"/>
    </row>
    <row r="872" spans="1:1">
      <c r="A872" s="5"/>
    </row>
    <row r="873" spans="1:1">
      <c r="A873" s="5"/>
    </row>
    <row r="874" spans="1:1">
      <c r="A874" s="5"/>
    </row>
    <row r="875" spans="1:1">
      <c r="A875" s="5"/>
    </row>
    <row r="876" spans="1:1">
      <c r="A876" s="5"/>
    </row>
    <row r="877" spans="1:1">
      <c r="A877" s="5"/>
    </row>
    <row r="878" spans="1:1">
      <c r="A878" s="5"/>
    </row>
    <row r="879" spans="1:1">
      <c r="A879" s="5"/>
    </row>
    <row r="880" spans="1:1">
      <c r="A880" s="5"/>
    </row>
    <row r="881" spans="1:1">
      <c r="A881" s="5"/>
    </row>
    <row r="882" spans="1:1">
      <c r="A882" s="5"/>
    </row>
    <row r="883" spans="1:1">
      <c r="A883" s="5"/>
    </row>
    <row r="884" spans="1:1">
      <c r="A884" s="5"/>
    </row>
    <row r="885" spans="1:1">
      <c r="A885" s="5"/>
    </row>
    <row r="886" spans="1:1">
      <c r="A886" s="5"/>
    </row>
    <row r="887" spans="1:1">
      <c r="A887" s="5"/>
    </row>
    <row r="888" spans="1:1">
      <c r="A888" s="5"/>
    </row>
    <row r="889" spans="1:1">
      <c r="A889" s="5"/>
    </row>
    <row r="890" spans="1:1">
      <c r="A890" s="5"/>
    </row>
    <row r="891" spans="1:1">
      <c r="A891" s="5"/>
    </row>
    <row r="892" spans="1:1">
      <c r="A892" s="5"/>
    </row>
    <row r="893" spans="1:1">
      <c r="A893" s="5"/>
    </row>
    <row r="894" spans="1:1">
      <c r="A894" s="5"/>
    </row>
    <row r="895" spans="1:1">
      <c r="A895" s="5"/>
    </row>
    <row r="896" spans="1:1">
      <c r="A896" s="5"/>
    </row>
    <row r="897" spans="1:1">
      <c r="A897" s="5"/>
    </row>
    <row r="898" spans="1:1">
      <c r="A898" s="5"/>
    </row>
    <row r="899" spans="1:1">
      <c r="A899" s="5"/>
    </row>
    <row r="900" spans="1:1">
      <c r="A900" s="5"/>
    </row>
    <row r="901" spans="1:1">
      <c r="A901" s="5"/>
    </row>
    <row r="902" spans="1:1">
      <c r="A902" s="5"/>
    </row>
    <row r="903" spans="1:1">
      <c r="A903" s="5"/>
    </row>
    <row r="904" spans="1:1">
      <c r="A904" s="5"/>
    </row>
    <row r="905" spans="1:1">
      <c r="A905" s="5"/>
    </row>
    <row r="906" spans="1:1">
      <c r="A906" s="5"/>
    </row>
    <row r="907" spans="1:1">
      <c r="A907" s="5"/>
    </row>
    <row r="908" spans="1:1">
      <c r="A908" s="5"/>
    </row>
    <row r="909" spans="1:1">
      <c r="A909" s="5"/>
    </row>
    <row r="910" spans="1:1">
      <c r="A910" s="5"/>
    </row>
    <row r="911" spans="1:1">
      <c r="A911" s="5"/>
    </row>
    <row r="912" spans="1:1">
      <c r="A912" s="5"/>
    </row>
    <row r="913" spans="1:1">
      <c r="A913" s="5"/>
    </row>
    <row r="914" spans="1:1">
      <c r="A914" s="5"/>
    </row>
    <row r="915" spans="1:1">
      <c r="A915" s="5"/>
    </row>
    <row r="916" spans="1:1">
      <c r="A916" s="5"/>
    </row>
    <row r="917" spans="1:1">
      <c r="A917" s="5"/>
    </row>
    <row r="918" spans="1:1">
      <c r="A918" s="5"/>
    </row>
    <row r="919" spans="1:1">
      <c r="A919" s="5"/>
    </row>
    <row r="920" spans="1:1">
      <c r="A920" s="5"/>
    </row>
    <row r="921" spans="1:1">
      <c r="A921" s="5"/>
    </row>
    <row r="922" spans="1:1">
      <c r="A922" s="5"/>
    </row>
    <row r="923" spans="1:1">
      <c r="A923" s="5"/>
    </row>
    <row r="924" spans="1:1">
      <c r="A924" s="5"/>
    </row>
    <row r="925" spans="1:1">
      <c r="A925" s="5"/>
    </row>
    <row r="926" spans="1:1">
      <c r="A926" s="5"/>
    </row>
    <row r="927" spans="1:1">
      <c r="A927" s="5"/>
    </row>
    <row r="928" spans="1:1">
      <c r="A928" s="5"/>
    </row>
    <row r="929" spans="1:1">
      <c r="A929" s="5"/>
    </row>
    <row r="930" spans="1:1">
      <c r="A930" s="5"/>
    </row>
    <row r="931" spans="1:1">
      <c r="A931" s="5"/>
    </row>
    <row r="932" spans="1:1">
      <c r="A932" s="5"/>
    </row>
    <row r="933" spans="1:1">
      <c r="A933" s="5"/>
    </row>
    <row r="934" spans="1:1">
      <c r="A934" s="5"/>
    </row>
    <row r="935" spans="1:1">
      <c r="A935" s="5"/>
    </row>
    <row r="936" spans="1:1">
      <c r="A936" s="5"/>
    </row>
    <row r="937" spans="1:1">
      <c r="A937" s="5"/>
    </row>
    <row r="938" spans="1:1">
      <c r="A938" s="5"/>
    </row>
    <row r="939" spans="1:1">
      <c r="A939" s="5"/>
    </row>
    <row r="940" spans="1:1">
      <c r="A940" s="5"/>
    </row>
    <row r="941" spans="1:1">
      <c r="A941" s="5"/>
    </row>
    <row r="942" spans="1:1">
      <c r="A942" s="5"/>
    </row>
    <row r="943" spans="1:1">
      <c r="A943" s="5"/>
    </row>
    <row r="944" spans="1:1">
      <c r="A944" s="5"/>
    </row>
    <row r="945" spans="1:1">
      <c r="A945" s="5"/>
    </row>
    <row r="946" spans="1:1">
      <c r="A946" s="5"/>
    </row>
    <row r="947" spans="1:1">
      <c r="A947" s="5"/>
    </row>
    <row r="948" spans="1:1">
      <c r="A948" s="5"/>
    </row>
    <row r="949" spans="1:1">
      <c r="A949" s="5"/>
    </row>
    <row r="950" spans="1:1">
      <c r="A950" s="5"/>
    </row>
    <row r="951" spans="1:1">
      <c r="A951" s="5"/>
    </row>
    <row r="952" spans="1:1">
      <c r="A952" s="5"/>
    </row>
    <row r="953" spans="1:1">
      <c r="A953" s="5"/>
    </row>
    <row r="954" spans="1:1">
      <c r="A954" s="5"/>
    </row>
    <row r="955" spans="1:1">
      <c r="A955" s="5"/>
    </row>
    <row r="956" spans="1:1">
      <c r="A956" s="5"/>
    </row>
    <row r="957" spans="1:1">
      <c r="A957" s="5"/>
    </row>
    <row r="958" spans="1:1">
      <c r="A958" s="5"/>
    </row>
    <row r="959" spans="1:1">
      <c r="A959" s="5"/>
    </row>
    <row r="960" spans="1:1">
      <c r="A960" s="5"/>
    </row>
    <row r="961" spans="1:1">
      <c r="A961" s="5"/>
    </row>
    <row r="962" spans="1:1">
      <c r="A962" s="5"/>
    </row>
    <row r="963" spans="1:1">
      <c r="A963" s="5"/>
    </row>
    <row r="964" spans="1:1">
      <c r="A964" s="5"/>
    </row>
    <row r="965" spans="1:1">
      <c r="A965" s="5"/>
    </row>
    <row r="966" spans="1:1">
      <c r="A966" s="5"/>
    </row>
    <row r="967" spans="1:1">
      <c r="A967" s="5"/>
    </row>
    <row r="968" spans="1:1">
      <c r="A968" s="5"/>
    </row>
    <row r="969" spans="1:1">
      <c r="A969" s="5"/>
    </row>
    <row r="970" spans="1:1">
      <c r="A970" s="5"/>
    </row>
    <row r="971" spans="1:1">
      <c r="A971" s="5"/>
    </row>
    <row r="972" spans="1:1">
      <c r="A972" s="5"/>
    </row>
    <row r="973" spans="1:1">
      <c r="A973" s="5"/>
    </row>
    <row r="974" spans="1:1">
      <c r="A974" s="5"/>
    </row>
    <row r="975" spans="1:1">
      <c r="A975" s="5"/>
    </row>
    <row r="976" spans="1:1">
      <c r="A976" s="5"/>
    </row>
    <row r="977" spans="1:1">
      <c r="A977" s="5"/>
    </row>
    <row r="978" spans="1:1">
      <c r="A978" s="5"/>
    </row>
    <row r="979" spans="1:1">
      <c r="A979" s="5"/>
    </row>
    <row r="980" spans="1:1">
      <c r="A980" s="5"/>
    </row>
    <row r="981" spans="1:1">
      <c r="A981" s="5"/>
    </row>
    <row r="982" spans="1:1">
      <c r="A982" s="5"/>
    </row>
    <row r="983" spans="1:1">
      <c r="A983" s="5"/>
    </row>
    <row r="984" spans="1:1">
      <c r="A984" s="5"/>
    </row>
    <row r="985" spans="1:1">
      <c r="A985" s="5"/>
    </row>
    <row r="986" spans="1:1">
      <c r="A986" s="5"/>
    </row>
    <row r="987" spans="1:1">
      <c r="A987" s="5"/>
    </row>
    <row r="988" spans="1:1">
      <c r="A988" s="5"/>
    </row>
    <row r="989" spans="1:1">
      <c r="A989" s="5"/>
    </row>
    <row r="990" spans="1:1">
      <c r="A990" s="5"/>
    </row>
    <row r="991" spans="1:1">
      <c r="A991" s="5"/>
    </row>
    <row r="992" spans="1:1">
      <c r="A992" s="5"/>
    </row>
    <row r="993" spans="1:1">
      <c r="A993" s="5"/>
    </row>
    <row r="994" spans="1:1">
      <c r="A994" s="5"/>
    </row>
    <row r="995" spans="1:1">
      <c r="A995" s="5"/>
    </row>
    <row r="996" spans="1:1">
      <c r="A996" s="5"/>
    </row>
    <row r="997" spans="1:1">
      <c r="A997" s="5"/>
    </row>
    <row r="998" spans="1:1">
      <c r="A998" s="5"/>
    </row>
    <row r="999" spans="1:1">
      <c r="A999" s="5"/>
    </row>
    <row r="1000" spans="1:1">
      <c r="A1000" s="5"/>
    </row>
    <row r="1001" spans="1:1">
      <c r="A1001" s="5"/>
    </row>
    <row r="1002" spans="1:1">
      <c r="A1002" s="5"/>
    </row>
    <row r="1003" spans="1:1">
      <c r="A1003" s="5"/>
    </row>
    <row r="1004" spans="1:1">
      <c r="A1004" s="5"/>
    </row>
    <row r="1005" spans="1:1">
      <c r="A1005" s="5"/>
    </row>
    <row r="1006" spans="1:1">
      <c r="A1006" s="5"/>
    </row>
    <row r="1007" spans="1:1">
      <c r="A1007" s="5"/>
    </row>
    <row r="1008" spans="1:1">
      <c r="A1008" s="5"/>
    </row>
    <row r="1009" spans="1:1">
      <c r="A1009" s="5"/>
    </row>
    <row r="1010" spans="1:1">
      <c r="A1010" s="5"/>
    </row>
    <row r="1011" spans="1:1">
      <c r="A1011" s="5"/>
    </row>
    <row r="1012" spans="1:1">
      <c r="A1012" s="5"/>
    </row>
    <row r="1013" spans="1:1">
      <c r="A1013" s="5"/>
    </row>
    <row r="1014" spans="1:1">
      <c r="A1014" s="5"/>
    </row>
    <row r="1015" spans="1:1">
      <c r="A1015" s="5"/>
    </row>
    <row r="1016" spans="1:1">
      <c r="A1016" s="5"/>
    </row>
    <row r="1017" spans="1:1">
      <c r="A1017" s="5"/>
    </row>
    <row r="1018" spans="1:1">
      <c r="A1018" s="5"/>
    </row>
    <row r="1019" spans="1:1">
      <c r="A1019" s="5"/>
    </row>
    <row r="1020" spans="1:1">
      <c r="A1020" s="5"/>
    </row>
    <row r="1021" spans="1:1">
      <c r="A1021" s="5"/>
    </row>
    <row r="1022" spans="1:1">
      <c r="A1022" s="5"/>
    </row>
    <row r="1023" spans="1:1">
      <c r="A1023" s="5"/>
    </row>
    <row r="1024" spans="1:1">
      <c r="A1024" s="5"/>
    </row>
    <row r="1025" spans="1:1">
      <c r="A1025" s="5"/>
    </row>
    <row r="1026" spans="1:1">
      <c r="A1026" s="5"/>
    </row>
    <row r="1027" spans="1:1">
      <c r="A1027" s="5"/>
    </row>
    <row r="1028" spans="1:1">
      <c r="A1028" s="5"/>
    </row>
    <row r="1029" spans="1:1">
      <c r="A1029" s="5"/>
    </row>
    <row r="1030" spans="1:1">
      <c r="A1030" s="5"/>
    </row>
    <row r="1031" spans="1:1">
      <c r="A1031" s="5"/>
    </row>
    <row r="1032" spans="1:1">
      <c r="A1032" s="5"/>
    </row>
    <row r="1033" spans="1:1">
      <c r="A1033" s="5"/>
    </row>
    <row r="1034" spans="1:1">
      <c r="A1034" s="5"/>
    </row>
    <row r="1035" spans="1:1">
      <c r="A1035" s="5"/>
    </row>
    <row r="1036" spans="1:1">
      <c r="A1036" s="5"/>
    </row>
    <row r="1037" spans="1:1">
      <c r="A1037" s="5"/>
    </row>
    <row r="1038" spans="1:1">
      <c r="A1038" s="5"/>
    </row>
    <row r="1039" spans="1:1">
      <c r="A1039" s="5"/>
    </row>
    <row r="1040" spans="1:1">
      <c r="A1040" s="5"/>
    </row>
    <row r="1041" spans="1:1">
      <c r="A1041" s="5"/>
    </row>
    <row r="1042" spans="1:1">
      <c r="A1042" s="5"/>
    </row>
    <row r="1043" spans="1:1">
      <c r="A1043" s="5"/>
    </row>
    <row r="1044" spans="1:1">
      <c r="A1044" s="5"/>
    </row>
    <row r="1045" spans="1:1">
      <c r="A1045" s="5"/>
    </row>
    <row r="1046" spans="1:1">
      <c r="A1046" s="5"/>
    </row>
    <row r="1047" spans="1:1">
      <c r="A1047" s="5"/>
    </row>
    <row r="1048" spans="1:1">
      <c r="A1048" s="5"/>
    </row>
    <row r="1049" spans="1:1">
      <c r="A1049" s="5"/>
    </row>
    <row r="1050" spans="1:1">
      <c r="A1050" s="5"/>
    </row>
    <row r="1051" spans="1:1">
      <c r="A1051" s="5"/>
    </row>
    <row r="1052" spans="1:1">
      <c r="A1052" s="5"/>
    </row>
    <row r="1053" spans="1:1">
      <c r="A1053" s="5"/>
    </row>
    <row r="1054" spans="1:1">
      <c r="A1054" s="5"/>
    </row>
    <row r="1055" spans="1:1">
      <c r="A1055" s="5"/>
    </row>
    <row r="1056" spans="1:1">
      <c r="A1056" s="5"/>
    </row>
    <row r="1057" spans="1:1">
      <c r="A1057" s="5"/>
    </row>
    <row r="1058" spans="1:1">
      <c r="A1058" s="5"/>
    </row>
    <row r="1059" spans="1:1">
      <c r="A1059" s="5"/>
    </row>
    <row r="1060" spans="1:1">
      <c r="A1060" s="5"/>
    </row>
    <row r="1061" spans="1:1">
      <c r="A1061" s="5"/>
    </row>
    <row r="1062" spans="1:1">
      <c r="A1062" s="5"/>
    </row>
    <row r="1063" spans="1:1">
      <c r="A1063" s="5"/>
    </row>
    <row r="1064" spans="1:1">
      <c r="A1064" s="5"/>
    </row>
    <row r="1065" spans="1:1">
      <c r="A1065" s="5"/>
    </row>
    <row r="1066" spans="1:1">
      <c r="A1066" s="5"/>
    </row>
    <row r="1067" spans="1:1">
      <c r="A1067" s="5"/>
    </row>
    <row r="1068" spans="1:1">
      <c r="A1068" s="5"/>
    </row>
    <row r="1069" spans="1:1">
      <c r="A1069" s="5"/>
    </row>
    <row r="1070" spans="1:1">
      <c r="A1070" s="5"/>
    </row>
    <row r="1071" spans="1:1">
      <c r="A1071" s="5"/>
    </row>
    <row r="1072" spans="1:1">
      <c r="A1072" s="5"/>
    </row>
    <row r="1073" spans="1:1">
      <c r="A1073" s="5"/>
    </row>
    <row r="1074" spans="1:1">
      <c r="A1074" s="5"/>
    </row>
    <row r="1075" spans="1:1">
      <c r="A1075" s="5"/>
    </row>
    <row r="1076" spans="1:1">
      <c r="A1076" s="5"/>
    </row>
    <row r="1077" spans="1:1">
      <c r="A1077" s="5"/>
    </row>
    <row r="1078" spans="1:1">
      <c r="A1078" s="5"/>
    </row>
    <row r="1079" spans="1:1">
      <c r="A1079" s="5"/>
    </row>
    <row r="1080" spans="1:1">
      <c r="A1080" s="5"/>
    </row>
    <row r="1081" spans="1:1">
      <c r="A1081" s="5"/>
    </row>
    <row r="1082" spans="1:1">
      <c r="A1082" s="5"/>
    </row>
    <row r="1083" spans="1:1">
      <c r="A1083" s="5"/>
    </row>
    <row r="1084" spans="1:1">
      <c r="A1084" s="5"/>
    </row>
    <row r="1085" spans="1:1">
      <c r="A1085" s="5"/>
    </row>
    <row r="1086" spans="1:1">
      <c r="A1086" s="5"/>
    </row>
    <row r="1087" spans="1:1">
      <c r="A1087" s="5"/>
    </row>
    <row r="1088" spans="1:1">
      <c r="A1088" s="5"/>
    </row>
    <row r="1089" spans="1:1">
      <c r="A1089" s="5"/>
    </row>
    <row r="1090" spans="1:1">
      <c r="A1090" s="5"/>
    </row>
    <row r="1091" spans="1:1">
      <c r="A1091" s="5"/>
    </row>
    <row r="1092" spans="1:1">
      <c r="A1092" s="5"/>
    </row>
    <row r="1093" spans="1:1">
      <c r="A1093" s="5"/>
    </row>
    <row r="1094" spans="1:1">
      <c r="A1094" s="5"/>
    </row>
    <row r="1095" spans="1:1">
      <c r="A1095" s="5"/>
    </row>
    <row r="1096" spans="1:1">
      <c r="A1096" s="5"/>
    </row>
    <row r="1097" spans="1:1">
      <c r="A1097" s="5"/>
    </row>
    <row r="1098" spans="1:1">
      <c r="A1098" s="5"/>
    </row>
    <row r="1099" spans="1:1">
      <c r="A1099" s="5"/>
    </row>
    <row r="1100" spans="1:1">
      <c r="A1100" s="5"/>
    </row>
    <row r="1101" spans="1:1">
      <c r="A1101" s="5"/>
    </row>
    <row r="1102" spans="1:1">
      <c r="A1102" s="5"/>
    </row>
    <row r="1103" spans="1:1">
      <c r="A1103" s="5"/>
    </row>
    <row r="1104" spans="1:1">
      <c r="A1104" s="5"/>
    </row>
    <row r="1105" spans="1:1">
      <c r="A1105" s="5"/>
    </row>
    <row r="1106" spans="1:1">
      <c r="A1106" s="5"/>
    </row>
    <row r="1107" spans="1:1">
      <c r="A1107" s="5"/>
    </row>
    <row r="1108" spans="1:1">
      <c r="A1108" s="5"/>
    </row>
    <row r="1109" spans="1:1">
      <c r="A1109" s="5"/>
    </row>
    <row r="1110" spans="1:1">
      <c r="A1110" s="5"/>
    </row>
    <row r="1111" spans="1:1">
      <c r="A1111" s="5"/>
    </row>
    <row r="1112" spans="1:1">
      <c r="A1112" s="5"/>
    </row>
    <row r="1113" spans="1:1">
      <c r="A1113" s="5"/>
    </row>
    <row r="1114" spans="1:1">
      <c r="A1114" s="5"/>
    </row>
    <row r="1115" spans="1:1">
      <c r="A1115" s="5"/>
    </row>
    <row r="1116" spans="1:1">
      <c r="A1116" s="5"/>
    </row>
    <row r="1117" spans="1:1">
      <c r="A1117" s="5"/>
    </row>
    <row r="1118" spans="1:1">
      <c r="A1118" s="5"/>
    </row>
    <row r="1119" spans="1:1">
      <c r="A1119" s="5"/>
    </row>
    <row r="1120" spans="1:1">
      <c r="A1120" s="5"/>
    </row>
    <row r="1121" spans="1:1">
      <c r="A1121" s="5"/>
    </row>
    <row r="1122" spans="1:1">
      <c r="A1122" s="5"/>
    </row>
    <row r="1123" spans="1:1">
      <c r="A1123" s="5"/>
    </row>
    <row r="1124" spans="1:1">
      <c r="A1124" s="5"/>
    </row>
    <row r="1125" spans="1:1">
      <c r="A1125" s="5"/>
    </row>
    <row r="1126" spans="1:1">
      <c r="A1126" s="5"/>
    </row>
    <row r="1127" spans="1:1">
      <c r="A1127" s="5"/>
    </row>
    <row r="1128" spans="1:1">
      <c r="A1128" s="5"/>
    </row>
    <row r="1129" spans="1:1">
      <c r="A1129" s="5"/>
    </row>
    <row r="1130" spans="1:1">
      <c r="A1130" s="5"/>
    </row>
    <row r="1131" spans="1:1">
      <c r="A1131" s="5"/>
    </row>
    <row r="1132" spans="1:1">
      <c r="A1132" s="5"/>
    </row>
    <row r="1133" spans="1:1">
      <c r="A1133" s="5"/>
    </row>
    <row r="1134" spans="1:1">
      <c r="A1134" s="5"/>
    </row>
    <row r="1135" spans="1:1">
      <c r="A1135" s="5"/>
    </row>
    <row r="1136" spans="1:1">
      <c r="A1136" s="5"/>
    </row>
    <row r="1137" spans="1:1">
      <c r="A1137" s="5"/>
    </row>
    <row r="1138" spans="1:1">
      <c r="A1138" s="5"/>
    </row>
    <row r="1139" spans="1:1">
      <c r="A1139" s="5"/>
    </row>
    <row r="1140" spans="1:1">
      <c r="A1140" s="5"/>
    </row>
    <row r="1141" spans="1:1">
      <c r="A1141" s="5"/>
    </row>
    <row r="1142" spans="1:1">
      <c r="A1142" s="5"/>
    </row>
    <row r="1143" spans="1:1">
      <c r="A1143" s="5"/>
    </row>
    <row r="1144" spans="1:1">
      <c r="A1144" s="5"/>
    </row>
    <row r="1145" spans="1:1">
      <c r="A1145" s="5"/>
    </row>
    <row r="1146" spans="1:1">
      <c r="A1146" s="5"/>
    </row>
    <row r="1147" spans="1:1">
      <c r="A1147" s="5"/>
    </row>
    <row r="1148" spans="1:1">
      <c r="A1148" s="5"/>
    </row>
    <row r="1149" spans="1:1">
      <c r="A1149" s="5"/>
    </row>
    <row r="1150" spans="1:1">
      <c r="A1150" s="5"/>
    </row>
    <row r="1151" spans="1:1">
      <c r="A1151" s="5"/>
    </row>
    <row r="1152" spans="1:1">
      <c r="A1152" s="5"/>
    </row>
    <row r="1153" spans="1:1">
      <c r="A1153" s="5"/>
    </row>
    <row r="1154" spans="1:1">
      <c r="A1154" s="5"/>
    </row>
    <row r="1155" spans="1:1">
      <c r="A1155" s="5"/>
    </row>
    <row r="1156" spans="1:1">
      <c r="A1156" s="5"/>
    </row>
    <row r="1157" spans="1:1">
      <c r="A1157" s="5"/>
    </row>
    <row r="1158" spans="1:1">
      <c r="A1158" s="5"/>
    </row>
    <row r="1159" spans="1:1">
      <c r="A1159" s="5"/>
    </row>
    <row r="1160" spans="1:1">
      <c r="A1160" s="5"/>
    </row>
    <row r="1161" spans="1:1">
      <c r="A1161" s="5"/>
    </row>
    <row r="1162" spans="1:1">
      <c r="A1162" s="5"/>
    </row>
    <row r="1163" spans="1:1">
      <c r="A1163" s="5"/>
    </row>
    <row r="1164" spans="1:1">
      <c r="A1164" s="5"/>
    </row>
    <row r="1165" spans="1:1">
      <c r="A1165" s="5"/>
    </row>
    <row r="1166" spans="1:1">
      <c r="A1166" s="5"/>
    </row>
    <row r="1167" spans="1:1">
      <c r="A1167" s="5"/>
    </row>
    <row r="1168" spans="1:1">
      <c r="A1168" s="5"/>
    </row>
    <row r="1169" spans="1:1">
      <c r="A1169" s="5"/>
    </row>
    <row r="1170" spans="1:1">
      <c r="A1170" s="5"/>
    </row>
    <row r="1171" spans="1:1">
      <c r="A1171" s="5"/>
    </row>
    <row r="1172" spans="1:1">
      <c r="A1172" s="5"/>
    </row>
    <row r="1173" spans="1:1">
      <c r="A1173" s="5"/>
    </row>
    <row r="1174" spans="1:1">
      <c r="A1174" s="5"/>
    </row>
    <row r="1175" spans="1:1">
      <c r="A1175" s="5"/>
    </row>
    <row r="1176" spans="1:1">
      <c r="A1176" s="5"/>
    </row>
    <row r="1177" spans="1:1">
      <c r="A1177" s="5"/>
    </row>
    <row r="1178" spans="1:1">
      <c r="A1178" s="5"/>
    </row>
    <row r="1179" spans="1:1">
      <c r="A1179" s="5"/>
    </row>
    <row r="1180" spans="1:1">
      <c r="A1180" s="5"/>
    </row>
    <row r="1181" spans="1:1">
      <c r="A1181" s="5"/>
    </row>
    <row r="1182" spans="1:1">
      <c r="A1182" s="5"/>
    </row>
    <row r="1183" spans="1:1">
      <c r="A1183" s="5"/>
    </row>
    <row r="1184" spans="1:1">
      <c r="A1184" s="5"/>
    </row>
    <row r="1185" spans="1:1">
      <c r="A1185" s="5"/>
    </row>
    <row r="1186" spans="1:1">
      <c r="A1186" s="5"/>
    </row>
    <row r="1187" spans="1:1">
      <c r="A1187" s="5"/>
    </row>
    <row r="1188" spans="1:1">
      <c r="A1188" s="5"/>
    </row>
    <row r="1189" spans="1:1">
      <c r="A1189" s="5"/>
    </row>
    <row r="1190" spans="1:1">
      <c r="A1190" s="5"/>
    </row>
    <row r="1191" spans="1:1">
      <c r="A1191" s="5"/>
    </row>
    <row r="1192" spans="1:1">
      <c r="A1192" s="5"/>
    </row>
    <row r="1193" spans="1:1">
      <c r="A1193" s="5"/>
    </row>
    <row r="1194" spans="1:1">
      <c r="A1194" s="5"/>
    </row>
    <row r="1195" spans="1:1">
      <c r="A1195" s="5"/>
    </row>
    <row r="1196" spans="1:1">
      <c r="A1196" s="5"/>
    </row>
    <row r="1197" spans="1:1">
      <c r="A1197" s="5"/>
    </row>
    <row r="1198" spans="1:1">
      <c r="A1198" s="5"/>
    </row>
    <row r="1199" spans="1:1">
      <c r="A1199" s="5"/>
    </row>
    <row r="1200" spans="1:1">
      <c r="A1200" s="5"/>
    </row>
    <row r="1201" spans="1:1">
      <c r="A1201" s="5"/>
    </row>
    <row r="1202" spans="1:1">
      <c r="A1202" s="5"/>
    </row>
    <row r="1203" spans="1:1">
      <c r="A1203" s="5"/>
    </row>
    <row r="1204" spans="1:1">
      <c r="A1204" s="5"/>
    </row>
    <row r="1205" spans="1:1">
      <c r="A1205" s="5"/>
    </row>
    <row r="1206" spans="1:1">
      <c r="A1206" s="5"/>
    </row>
    <row r="1207" spans="1:1">
      <c r="A1207" s="5"/>
    </row>
    <row r="1208" spans="1:1">
      <c r="A1208" s="5"/>
    </row>
    <row r="1209" spans="1:1">
      <c r="A1209" s="5"/>
    </row>
    <row r="1210" spans="1:1">
      <c r="A1210" s="5"/>
    </row>
    <row r="1211" spans="1:1">
      <c r="A1211" s="5"/>
    </row>
    <row r="1212" spans="1:1">
      <c r="A1212" s="5"/>
    </row>
    <row r="1213" spans="1:1">
      <c r="A1213" s="5"/>
    </row>
    <row r="1214" spans="1:1">
      <c r="A1214" s="5"/>
    </row>
    <row r="1215" spans="1:1">
      <c r="A1215" s="5"/>
    </row>
    <row r="1216" spans="1:1">
      <c r="A1216" s="5"/>
    </row>
    <row r="1217" spans="1:1">
      <c r="A1217" s="5"/>
    </row>
    <row r="1218" spans="1:1">
      <c r="A1218" s="5"/>
    </row>
    <row r="1219" spans="1:1">
      <c r="A1219" s="5"/>
    </row>
    <row r="1220" spans="1:1">
      <c r="A1220" s="5"/>
    </row>
    <row r="1221" spans="1:1">
      <c r="A1221" s="5"/>
    </row>
    <row r="1222" spans="1:1">
      <c r="A1222" s="5"/>
    </row>
    <row r="1223" spans="1:1">
      <c r="A1223" s="5"/>
    </row>
    <row r="1224" spans="1:1">
      <c r="A1224" s="5"/>
    </row>
    <row r="1225" spans="1:1">
      <c r="A1225" s="5"/>
    </row>
    <row r="1226" spans="1:1">
      <c r="A1226" s="5"/>
    </row>
    <row r="1227" spans="1:1">
      <c r="A1227" s="5"/>
    </row>
    <row r="1228" spans="1:1">
      <c r="A1228" s="5"/>
    </row>
    <row r="1229" spans="1:1">
      <c r="A1229" s="5"/>
    </row>
    <row r="1230" spans="1:1">
      <c r="A1230" s="5"/>
    </row>
    <row r="1231" spans="1:1">
      <c r="A1231" s="5"/>
    </row>
    <row r="1232" spans="1:1">
      <c r="A1232" s="5"/>
    </row>
    <row r="1233" spans="1:1">
      <c r="A1233" s="5"/>
    </row>
    <row r="1234" spans="1:1">
      <c r="A1234" s="5"/>
    </row>
    <row r="1235" spans="1:1">
      <c r="A1235" s="5"/>
    </row>
    <row r="1236" spans="1:1">
      <c r="A1236" s="5"/>
    </row>
    <row r="1237" spans="1:1">
      <c r="A1237" s="5"/>
    </row>
    <row r="1238" spans="1:1">
      <c r="A1238" s="5"/>
    </row>
    <row r="1239" spans="1:1">
      <c r="A1239" s="5"/>
    </row>
    <row r="1240" spans="1:1">
      <c r="A1240" s="5"/>
    </row>
    <row r="1241" spans="1:1">
      <c r="A1241" s="5"/>
    </row>
    <row r="1242" spans="1:1">
      <c r="A1242" s="5"/>
    </row>
    <row r="1243" spans="1:1">
      <c r="A1243" s="5"/>
    </row>
    <row r="1244" spans="1:1">
      <c r="A1244" s="5"/>
    </row>
    <row r="1245" spans="1:1">
      <c r="A1245" s="5"/>
    </row>
    <row r="1246" spans="1:1">
      <c r="A1246" s="5"/>
    </row>
    <row r="1247" spans="1:1">
      <c r="A1247" s="5"/>
    </row>
    <row r="1248" spans="1:1">
      <c r="A1248" s="5"/>
    </row>
    <row r="1249" spans="1:1">
      <c r="A1249" s="5"/>
    </row>
    <row r="1250" spans="1:1">
      <c r="A1250" s="5"/>
    </row>
    <row r="1251" spans="1:1">
      <c r="A1251" s="5"/>
    </row>
    <row r="1252" spans="1:1">
      <c r="A1252" s="5"/>
    </row>
    <row r="1253" spans="1:1">
      <c r="A1253" s="5"/>
    </row>
    <row r="1254" spans="1:1">
      <c r="A1254" s="5"/>
    </row>
    <row r="1255" spans="1:1">
      <c r="A1255" s="5"/>
    </row>
    <row r="1256" spans="1:1">
      <c r="A1256" s="5"/>
    </row>
    <row r="1257" spans="1:1">
      <c r="A1257" s="5"/>
    </row>
    <row r="1258" spans="1:1">
      <c r="A1258" s="5"/>
    </row>
    <row r="1259" spans="1:1">
      <c r="A1259" s="5"/>
    </row>
    <row r="1260" spans="1:1">
      <c r="A1260" s="5"/>
    </row>
    <row r="1261" spans="1:1">
      <c r="A1261" s="5"/>
    </row>
    <row r="1262" spans="1:1">
      <c r="A1262" s="5"/>
    </row>
    <row r="1263" spans="1:1">
      <c r="A1263" s="5"/>
    </row>
    <row r="1264" spans="1:1">
      <c r="A1264" s="5"/>
    </row>
    <row r="1265" spans="1:1">
      <c r="A1265" s="5"/>
    </row>
    <row r="1266" spans="1:1">
      <c r="A1266" s="5"/>
    </row>
    <row r="1267" spans="1:1">
      <c r="A1267" s="5"/>
    </row>
    <row r="1268" spans="1:1">
      <c r="A1268" s="5"/>
    </row>
    <row r="1269" spans="1:1">
      <c r="A1269" s="5"/>
    </row>
    <row r="1270" spans="1:1">
      <c r="A1270" s="5"/>
    </row>
    <row r="1271" spans="1:1">
      <c r="A1271" s="5"/>
    </row>
    <row r="1272" spans="1:1">
      <c r="A1272" s="5"/>
    </row>
    <row r="1273" spans="1:1">
      <c r="A1273" s="5"/>
    </row>
    <row r="1274" spans="1:1">
      <c r="A1274" s="5"/>
    </row>
    <row r="1275" spans="1:1">
      <c r="A1275" s="5"/>
    </row>
    <row r="1276" spans="1:1">
      <c r="A1276" s="5"/>
    </row>
    <row r="1277" spans="1:1">
      <c r="A1277" s="5"/>
    </row>
    <row r="1278" spans="1:1">
      <c r="A1278" s="5"/>
    </row>
    <row r="1279" spans="1:1">
      <c r="A1279" s="5"/>
    </row>
    <row r="1280" spans="1:1">
      <c r="A1280" s="5"/>
    </row>
    <row r="1281" spans="1:1">
      <c r="A1281" s="5"/>
    </row>
    <row r="1282" spans="1:1">
      <c r="A1282" s="5"/>
    </row>
    <row r="1283" spans="1:1">
      <c r="A1283" s="5"/>
    </row>
    <row r="1284" spans="1:1">
      <c r="A1284" s="5"/>
    </row>
    <row r="1285" spans="1:1">
      <c r="A1285" s="5"/>
    </row>
    <row r="1286" spans="1:1">
      <c r="A1286" s="5"/>
    </row>
    <row r="1287" spans="1:1">
      <c r="A1287" s="5"/>
    </row>
    <row r="1288" spans="1:1">
      <c r="A1288" s="5"/>
    </row>
    <row r="1289" spans="1:1">
      <c r="A1289" s="5"/>
    </row>
    <row r="1290" spans="1:1">
      <c r="A1290" s="5"/>
    </row>
    <row r="1291" spans="1:1">
      <c r="A1291" s="5"/>
    </row>
    <row r="1292" spans="1:1">
      <c r="A1292" s="5"/>
    </row>
    <row r="1293" spans="1:1">
      <c r="A1293" s="5"/>
    </row>
    <row r="1294" spans="1:1">
      <c r="A1294" s="5"/>
    </row>
    <row r="1295" spans="1:1">
      <c r="A1295" s="5"/>
    </row>
    <row r="1296" spans="1:1">
      <c r="A1296" s="5"/>
    </row>
    <row r="1297" spans="1:1">
      <c r="A1297" s="5"/>
    </row>
    <row r="1298" spans="1:1">
      <c r="A1298" s="5"/>
    </row>
    <row r="1299" spans="1:1">
      <c r="A1299" s="5"/>
    </row>
    <row r="1300" spans="1:1">
      <c r="A1300" s="5"/>
    </row>
    <row r="1301" spans="1:1">
      <c r="A1301" s="5"/>
    </row>
    <row r="1302" spans="1:1">
      <c r="A1302" s="5"/>
    </row>
    <row r="1303" spans="1:1">
      <c r="A1303" s="5"/>
    </row>
    <row r="1304" spans="1:1">
      <c r="A1304" s="5"/>
    </row>
    <row r="1305" spans="1:1">
      <c r="A1305" s="5"/>
    </row>
    <row r="1306" spans="1:1">
      <c r="A1306" s="5"/>
    </row>
    <row r="1307" spans="1:1">
      <c r="A1307" s="5"/>
    </row>
    <row r="1308" spans="1:1">
      <c r="A1308" s="5"/>
    </row>
    <row r="1309" spans="1:1">
      <c r="A1309" s="5"/>
    </row>
    <row r="1310" spans="1:1">
      <c r="A1310" s="5"/>
    </row>
    <row r="1311" spans="1:1">
      <c r="A1311" s="5"/>
    </row>
    <row r="1312" spans="1:1">
      <c r="A1312" s="5"/>
    </row>
    <row r="1313" spans="1:1">
      <c r="A1313" s="5"/>
    </row>
    <row r="1314" spans="1:1">
      <c r="A1314" s="5"/>
    </row>
    <row r="1315" spans="1:1">
      <c r="A1315" s="5"/>
    </row>
    <row r="1316" spans="1:1">
      <c r="A1316" s="5"/>
    </row>
    <row r="1317" spans="1:1">
      <c r="A1317" s="5"/>
    </row>
    <row r="1318" spans="1:1">
      <c r="A1318" s="5"/>
    </row>
    <row r="1319" spans="1:1">
      <c r="A1319" s="5"/>
    </row>
    <row r="1320" spans="1:1">
      <c r="A1320" s="5"/>
    </row>
    <row r="1321" spans="1:1">
      <c r="A1321" s="5"/>
    </row>
    <row r="1322" spans="1:1">
      <c r="A1322" s="5"/>
    </row>
    <row r="1323" spans="1:1">
      <c r="A1323" s="5"/>
    </row>
    <row r="1324" spans="1:1">
      <c r="A1324" s="5"/>
    </row>
    <row r="1325" spans="1:1">
      <c r="A1325" s="5"/>
    </row>
    <row r="1326" spans="1:1">
      <c r="A1326" s="5"/>
    </row>
    <row r="1327" spans="1:1">
      <c r="A1327" s="5"/>
    </row>
    <row r="1328" spans="1:1">
      <c r="A1328" s="5"/>
    </row>
    <row r="1329" spans="1:1">
      <c r="A1329" s="5"/>
    </row>
    <row r="1330" spans="1:1">
      <c r="A1330" s="5"/>
    </row>
    <row r="1331" spans="1:1">
      <c r="A1331" s="5"/>
    </row>
    <row r="1332" spans="1:1">
      <c r="A1332" s="5"/>
    </row>
    <row r="1333" spans="1:1">
      <c r="A1333" s="5"/>
    </row>
    <row r="1334" spans="1:1">
      <c r="A1334" s="5"/>
    </row>
    <row r="1335" spans="1:1">
      <c r="A1335" s="5"/>
    </row>
    <row r="1336" spans="1:1">
      <c r="A1336" s="5"/>
    </row>
    <row r="1337" spans="1:1">
      <c r="A1337" s="5"/>
    </row>
    <row r="1338" spans="1:1">
      <c r="A1338" s="5"/>
    </row>
    <row r="1339" spans="1:1">
      <c r="A1339" s="5"/>
    </row>
    <row r="1340" spans="1:1">
      <c r="A1340" s="5"/>
    </row>
    <row r="1341" spans="1:1">
      <c r="A1341" s="5"/>
    </row>
    <row r="1342" spans="1:1">
      <c r="A1342" s="5"/>
    </row>
    <row r="1343" spans="1:1">
      <c r="A1343" s="5"/>
    </row>
    <row r="1344" spans="1:1">
      <c r="A1344" s="5"/>
    </row>
    <row r="1345" spans="1:1">
      <c r="A1345" s="5"/>
    </row>
    <row r="1346" spans="1:1">
      <c r="A1346" s="5"/>
    </row>
    <row r="1347" spans="1:1">
      <c r="A1347" s="5"/>
    </row>
    <row r="1348" spans="1:1">
      <c r="A1348" s="5"/>
    </row>
    <row r="1349" spans="1:1">
      <c r="A1349" s="5"/>
    </row>
    <row r="1350" spans="1:1">
      <c r="A1350" s="5"/>
    </row>
    <row r="1351" spans="1:1">
      <c r="A1351" s="5"/>
    </row>
    <row r="1352" spans="1:1">
      <c r="A1352" s="5"/>
    </row>
    <row r="1353" spans="1:1">
      <c r="A1353" s="5"/>
    </row>
    <row r="1354" spans="1:1">
      <c r="A1354" s="5"/>
    </row>
    <row r="1355" spans="1:1">
      <c r="A1355" s="5"/>
    </row>
    <row r="1356" spans="1:1">
      <c r="A1356" s="5"/>
    </row>
    <row r="1357" spans="1:1">
      <c r="A1357" s="5"/>
    </row>
    <row r="1358" spans="1:1">
      <c r="A1358" s="5"/>
    </row>
    <row r="1359" spans="1:1">
      <c r="A1359" s="5"/>
    </row>
    <row r="1360" spans="1:1">
      <c r="A1360" s="5"/>
    </row>
    <row r="1361" spans="1:1">
      <c r="A1361" s="5"/>
    </row>
    <row r="1362" spans="1:1">
      <c r="A1362" s="5"/>
    </row>
    <row r="1363" spans="1:1">
      <c r="A1363" s="5"/>
    </row>
    <row r="1364" spans="1:1">
      <c r="A1364" s="5"/>
    </row>
    <row r="1365" spans="1:1">
      <c r="A1365" s="5"/>
    </row>
    <row r="1366" spans="1:1">
      <c r="A1366" s="5"/>
    </row>
    <row r="1367" spans="1:1">
      <c r="A1367" s="5"/>
    </row>
    <row r="1368" spans="1:1">
      <c r="A1368" s="5"/>
    </row>
    <row r="1369" spans="1:1">
      <c r="A1369" s="5"/>
    </row>
    <row r="1370" spans="1:1">
      <c r="A1370" s="5"/>
    </row>
    <row r="1371" spans="1:1">
      <c r="A1371" s="5"/>
    </row>
    <row r="1372" spans="1:1">
      <c r="A1372" s="5"/>
    </row>
    <row r="1373" spans="1:1">
      <c r="A1373" s="5"/>
    </row>
    <row r="1374" spans="1:1">
      <c r="A1374" s="5"/>
    </row>
    <row r="1375" spans="1:1">
      <c r="A1375" s="5"/>
    </row>
    <row r="1376" spans="1:1">
      <c r="A1376" s="5"/>
    </row>
    <row r="1377" spans="1:1">
      <c r="A1377" s="5"/>
    </row>
    <row r="1378" spans="1:1">
      <c r="A1378" s="5"/>
    </row>
    <row r="1379" spans="1:1">
      <c r="A1379" s="5"/>
    </row>
    <row r="1380" spans="1:1">
      <c r="A1380" s="5"/>
    </row>
    <row r="1381" spans="1:1">
      <c r="A1381" s="5"/>
    </row>
    <row r="1382" spans="1:1">
      <c r="A1382" s="5"/>
    </row>
    <row r="1383" spans="1:1">
      <c r="A1383" s="5"/>
    </row>
    <row r="1384" spans="1:1">
      <c r="A1384" s="5"/>
    </row>
    <row r="1385" spans="1:1">
      <c r="A1385" s="5"/>
    </row>
    <row r="1386" spans="1:1">
      <c r="A1386" s="5"/>
    </row>
    <row r="1387" spans="1:1">
      <c r="A1387" s="5"/>
    </row>
    <row r="1388" spans="1:1">
      <c r="A1388" s="5"/>
    </row>
    <row r="1389" spans="1:1">
      <c r="A1389" s="5"/>
    </row>
    <row r="1390" spans="1:1">
      <c r="A1390" s="5"/>
    </row>
    <row r="1391" spans="1:1">
      <c r="A1391" s="5"/>
    </row>
    <row r="1392" spans="1:1">
      <c r="A1392" s="5"/>
    </row>
    <row r="1393" spans="1:1">
      <c r="A1393" s="5"/>
    </row>
    <row r="1394" spans="1:1">
      <c r="A1394" s="5"/>
    </row>
    <row r="1395" spans="1:1">
      <c r="A1395" s="5"/>
    </row>
    <row r="1396" spans="1:1">
      <c r="A1396" s="5"/>
    </row>
    <row r="1397" spans="1:1">
      <c r="A1397" s="5"/>
    </row>
    <row r="1398" spans="1:1">
      <c r="A1398" s="5"/>
    </row>
    <row r="1399" spans="1:1">
      <c r="A1399" s="5"/>
    </row>
    <row r="1400" spans="1:1">
      <c r="A1400" s="5"/>
    </row>
    <row r="1401" spans="1:1">
      <c r="A1401" s="5"/>
    </row>
    <row r="1402" spans="1:1">
      <c r="A1402" s="5"/>
    </row>
    <row r="1403" spans="1:1">
      <c r="A1403" s="5"/>
    </row>
    <row r="1404" spans="1:1">
      <c r="A1404" s="5"/>
    </row>
    <row r="1405" spans="1:1">
      <c r="A1405" s="5"/>
    </row>
    <row r="1406" spans="1:1">
      <c r="A1406" s="5"/>
    </row>
    <row r="1407" spans="1:1">
      <c r="A1407" s="5"/>
    </row>
    <row r="1408" spans="1:1">
      <c r="A1408" s="5"/>
    </row>
    <row r="1409" spans="1:1">
      <c r="A1409" s="5"/>
    </row>
    <row r="1410" spans="1:1">
      <c r="A1410" s="5"/>
    </row>
    <row r="1411" spans="1:1">
      <c r="A1411" s="5"/>
    </row>
    <row r="1412" spans="1:1">
      <c r="A1412" s="5"/>
    </row>
    <row r="1413" spans="1:1">
      <c r="A1413" s="5"/>
    </row>
    <row r="1414" spans="1:1">
      <c r="A1414" s="5"/>
    </row>
    <row r="1415" spans="1:1">
      <c r="A1415" s="5"/>
    </row>
    <row r="1416" spans="1:1">
      <c r="A1416" s="5"/>
    </row>
    <row r="1417" spans="1:1">
      <c r="A1417" s="5"/>
    </row>
    <row r="1418" spans="1:1">
      <c r="A1418" s="5"/>
    </row>
    <row r="1419" spans="1:1">
      <c r="A1419" s="5"/>
    </row>
    <row r="1420" spans="1:1">
      <c r="A1420" s="5"/>
    </row>
    <row r="1421" spans="1:1">
      <c r="A1421" s="5"/>
    </row>
    <row r="1422" spans="1:1">
      <c r="A1422" s="5"/>
    </row>
    <row r="1423" spans="1:1">
      <c r="A1423" s="5"/>
    </row>
    <row r="1424" spans="1:1">
      <c r="A1424" s="5"/>
    </row>
    <row r="1425" spans="1:1">
      <c r="A1425" s="5"/>
    </row>
    <row r="1426" spans="1:1">
      <c r="A1426" s="5"/>
    </row>
    <row r="1427" spans="1:1">
      <c r="A1427" s="5"/>
    </row>
    <row r="1428" spans="1:1">
      <c r="A1428" s="5"/>
    </row>
    <row r="1429" spans="1:1">
      <c r="A1429" s="5"/>
    </row>
    <row r="1430" spans="1:1">
      <c r="A1430" s="5"/>
    </row>
    <row r="1431" spans="1:1">
      <c r="A1431" s="5"/>
    </row>
    <row r="1432" spans="1:1">
      <c r="A1432" s="5"/>
    </row>
    <row r="1433" spans="1:1">
      <c r="A1433" s="5"/>
    </row>
    <row r="1434" spans="1:1">
      <c r="A1434" s="5"/>
    </row>
    <row r="1435" spans="1:1">
      <c r="A1435" s="5"/>
    </row>
    <row r="1436" spans="1:1">
      <c r="A1436" s="5"/>
    </row>
    <row r="1437" spans="1:1">
      <c r="A1437" s="5"/>
    </row>
    <row r="1438" spans="1:1">
      <c r="A1438" s="5"/>
    </row>
    <row r="1439" spans="1:1">
      <c r="A1439" s="5"/>
    </row>
    <row r="1440" spans="1:1">
      <c r="A1440" s="5"/>
    </row>
    <row r="1441" spans="1:1">
      <c r="A1441" s="5"/>
    </row>
    <row r="1442" spans="1:1">
      <c r="A1442" s="5"/>
    </row>
    <row r="1443" spans="1:1">
      <c r="A1443" s="5"/>
    </row>
    <row r="1444" spans="1:1">
      <c r="A1444" s="5"/>
    </row>
    <row r="1445" spans="1:1">
      <c r="A1445" s="5"/>
    </row>
    <row r="1446" spans="1:1">
      <c r="A1446" s="5"/>
    </row>
    <row r="1447" spans="1:1">
      <c r="A1447" s="5"/>
    </row>
    <row r="1448" spans="1:1">
      <c r="A1448" s="5"/>
    </row>
    <row r="1449" spans="1:1">
      <c r="A1449" s="5"/>
    </row>
    <row r="1450" spans="1:1">
      <c r="A1450" s="5"/>
    </row>
    <row r="1451" spans="1:1">
      <c r="A1451" s="5"/>
    </row>
    <row r="1452" spans="1:1">
      <c r="A1452" s="5"/>
    </row>
    <row r="1453" spans="1:1">
      <c r="A1453" s="5"/>
    </row>
    <row r="1454" spans="1:1">
      <c r="A1454" s="5"/>
    </row>
    <row r="1455" spans="1:1">
      <c r="A1455" s="5"/>
    </row>
    <row r="1456" spans="1:1">
      <c r="A1456" s="5"/>
    </row>
    <row r="1457" spans="1:1">
      <c r="A1457" s="5"/>
    </row>
    <row r="1458" spans="1:1">
      <c r="A1458" s="5"/>
    </row>
    <row r="1459" spans="1:1">
      <c r="A1459" s="5"/>
    </row>
    <row r="1460" spans="1:1">
      <c r="A1460" s="5"/>
    </row>
    <row r="1461" spans="1:1">
      <c r="A1461" s="5"/>
    </row>
    <row r="1462" spans="1:1">
      <c r="A1462" s="5"/>
    </row>
    <row r="1463" spans="1:1">
      <c r="A1463" s="5"/>
    </row>
    <row r="1464" spans="1:1">
      <c r="A1464" s="5"/>
    </row>
    <row r="1465" spans="1:1">
      <c r="A1465" s="5"/>
    </row>
    <row r="1466" spans="1:1">
      <c r="A1466" s="5"/>
    </row>
    <row r="1467" spans="1:1">
      <c r="A1467" s="5"/>
    </row>
    <row r="1468" spans="1:1">
      <c r="A1468" s="5"/>
    </row>
    <row r="1469" spans="1:1">
      <c r="A1469" s="5"/>
    </row>
    <row r="1470" spans="1:1">
      <c r="A1470" s="5"/>
    </row>
    <row r="1471" spans="1:1">
      <c r="A1471" s="5"/>
    </row>
    <row r="1472" spans="1:1">
      <c r="A1472" s="5"/>
    </row>
    <row r="1473" spans="1:1">
      <c r="A1473" s="5"/>
    </row>
    <row r="1474" spans="1:1">
      <c r="A1474" s="5"/>
    </row>
    <row r="1475" spans="1:1">
      <c r="A1475" s="5"/>
    </row>
    <row r="1476" spans="1:1">
      <c r="A1476" s="5"/>
    </row>
    <row r="1477" spans="1:1">
      <c r="A1477" s="5"/>
    </row>
    <row r="1478" spans="1:1">
      <c r="A1478" s="5"/>
    </row>
    <row r="1479" spans="1:1">
      <c r="A1479" s="5"/>
    </row>
    <row r="1480" spans="1:1">
      <c r="A1480" s="5"/>
    </row>
    <row r="1481" spans="1:1">
      <c r="A1481" s="5"/>
    </row>
    <row r="1482" spans="1:1">
      <c r="A1482" s="5"/>
    </row>
    <row r="1483" spans="1:1">
      <c r="A1483" s="5"/>
    </row>
    <row r="1484" spans="1:1">
      <c r="A1484" s="5"/>
    </row>
    <row r="1485" spans="1:1">
      <c r="A1485" s="5"/>
    </row>
    <row r="1486" spans="1:1">
      <c r="A1486" s="5"/>
    </row>
    <row r="1487" spans="1:1">
      <c r="A1487" s="5"/>
    </row>
    <row r="1488" spans="1:1">
      <c r="A1488" s="5"/>
    </row>
    <row r="1489" spans="1:1">
      <c r="A1489" s="5"/>
    </row>
    <row r="1490" spans="1:1">
      <c r="A1490" s="5"/>
    </row>
    <row r="1491" spans="1:1">
      <c r="A1491" s="5"/>
    </row>
    <row r="1492" spans="1:1">
      <c r="A1492" s="5"/>
    </row>
    <row r="1493" spans="1:1">
      <c r="A1493" s="5"/>
    </row>
    <row r="1494" spans="1:1">
      <c r="A1494" s="5"/>
    </row>
    <row r="1495" spans="1:1">
      <c r="A1495" s="5"/>
    </row>
    <row r="1496" spans="1:1">
      <c r="A1496" s="5"/>
    </row>
    <row r="1497" spans="1:1">
      <c r="A1497" s="5"/>
    </row>
    <row r="1498" spans="1:1">
      <c r="A1498" s="5"/>
    </row>
    <row r="1499" spans="1:1">
      <c r="A1499" s="5"/>
    </row>
    <row r="1500" spans="1:1">
      <c r="A1500" s="5"/>
    </row>
    <row r="1501" spans="1:1">
      <c r="A1501" s="5"/>
    </row>
    <row r="1502" spans="1:1">
      <c r="A1502" s="5"/>
    </row>
    <row r="1503" spans="1:1">
      <c r="A1503" s="5"/>
    </row>
    <row r="1504" spans="1:1">
      <c r="A1504" s="5"/>
    </row>
    <row r="1505" spans="1:1">
      <c r="A1505" s="5"/>
    </row>
    <row r="1506" spans="1:1">
      <c r="A1506" s="5"/>
    </row>
    <row r="1507" spans="1:1">
      <c r="A1507" s="5"/>
    </row>
    <row r="1508" spans="1:1">
      <c r="A1508" s="5"/>
    </row>
    <row r="1509" spans="1:1">
      <c r="A1509" s="5"/>
    </row>
    <row r="1510" spans="1:1">
      <c r="A1510" s="5"/>
    </row>
    <row r="1511" spans="1:1">
      <c r="A1511" s="5"/>
    </row>
    <row r="1512" spans="1:1">
      <c r="A1512" s="5"/>
    </row>
    <row r="1513" spans="1:1">
      <c r="A1513" s="5"/>
    </row>
    <row r="1514" spans="1:1">
      <c r="A1514" s="5"/>
    </row>
    <row r="1515" spans="1:1">
      <c r="A1515" s="5"/>
    </row>
    <row r="1516" spans="1:1">
      <c r="A1516" s="5"/>
    </row>
    <row r="1517" spans="1:1">
      <c r="A1517" s="5"/>
    </row>
    <row r="1518" spans="1:1">
      <c r="A1518" s="5"/>
    </row>
    <row r="1519" spans="1:1">
      <c r="A1519" s="5"/>
    </row>
    <row r="1520" spans="1:1">
      <c r="A1520" s="5"/>
    </row>
    <row r="1521" spans="1:1">
      <c r="A1521" s="5"/>
    </row>
    <row r="1522" spans="1:1">
      <c r="A1522" s="5"/>
    </row>
    <row r="1523" spans="1:1">
      <c r="A1523" s="5"/>
    </row>
    <row r="1524" spans="1:1">
      <c r="A1524" s="4"/>
    </row>
    <row r="1525" spans="1:1">
      <c r="A1525" s="2"/>
    </row>
  </sheetData>
  <mergeCells count="4">
    <mergeCell ref="H3:H10"/>
    <mergeCell ref="B2:D2"/>
    <mergeCell ref="B3:D25"/>
    <mergeCell ref="B26:D103"/>
  </mergeCells>
  <pageMargins left="0.7" right="0.7" top="0.75" bottom="0.75" header="0.3" footer="0.3"/>
  <pageSetup paperSize="9" orientation="portrait" horizontalDpi="300" verticalDpi="3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B05BAE0-3521-4FB3-AB09-B1039F60150A}">
  <sheetPr>
    <tabColor theme="3" tint="0.59999389629810485"/>
  </sheetPr>
  <dimension ref="B2:J35"/>
  <sheetViews>
    <sheetView showGridLines="0" workbookViewId="0">
      <selection activeCell="X18" sqref="X18"/>
    </sheetView>
  </sheetViews>
  <sheetFormatPr defaultRowHeight="15"/>
  <cols>
    <col min="2" max="2" width="2" customWidth="1"/>
    <col min="9" max="9" width="16.5703125" customWidth="1"/>
    <col min="10" max="10" width="2" customWidth="1"/>
  </cols>
  <sheetData>
    <row r="2" spans="2:10" ht="18" customHeight="1"/>
    <row r="3" spans="2:10" ht="12" customHeight="1">
      <c r="B3" s="9"/>
      <c r="C3" s="9"/>
      <c r="D3" s="9"/>
      <c r="E3" s="9"/>
      <c r="F3" s="9"/>
      <c r="G3" s="9"/>
      <c r="H3" s="9"/>
      <c r="I3" s="9"/>
      <c r="J3" s="9"/>
    </row>
    <row r="4" spans="2:10">
      <c r="B4" s="9"/>
      <c r="J4" s="9"/>
    </row>
    <row r="5" spans="2:10">
      <c r="B5" s="9"/>
      <c r="J5" s="9"/>
    </row>
    <row r="6" spans="2:10">
      <c r="B6" s="9"/>
      <c r="J6" s="9"/>
    </row>
    <row r="7" spans="2:10">
      <c r="B7" s="9"/>
      <c r="J7" s="9"/>
    </row>
    <row r="8" spans="2:10">
      <c r="B8" s="9"/>
      <c r="J8" s="9"/>
    </row>
    <row r="9" spans="2:10">
      <c r="B9" s="9"/>
      <c r="J9" s="9"/>
    </row>
    <row r="10" spans="2:10">
      <c r="B10" s="9"/>
      <c r="J10" s="9"/>
    </row>
    <row r="11" spans="2:10">
      <c r="B11" s="9"/>
      <c r="J11" s="9"/>
    </row>
    <row r="12" spans="2:10">
      <c r="B12" s="9"/>
      <c r="J12" s="9"/>
    </row>
    <row r="13" spans="2:10">
      <c r="B13" s="9"/>
      <c r="J13" s="9"/>
    </row>
    <row r="14" spans="2:10">
      <c r="B14" s="9"/>
      <c r="J14" s="9"/>
    </row>
    <row r="15" spans="2:10">
      <c r="B15" s="9"/>
      <c r="J15" s="9"/>
    </row>
    <row r="16" spans="2:10">
      <c r="B16" s="9"/>
      <c r="J16" s="9"/>
    </row>
    <row r="17" spans="2:10">
      <c r="B17" s="9"/>
      <c r="J17" s="9"/>
    </row>
    <row r="18" spans="2:10">
      <c r="B18" s="9"/>
      <c r="J18" s="9"/>
    </row>
    <row r="19" spans="2:10">
      <c r="B19" s="9"/>
      <c r="J19" s="9"/>
    </row>
    <row r="20" spans="2:10">
      <c r="B20" s="9"/>
      <c r="J20" s="9"/>
    </row>
    <row r="21" spans="2:10">
      <c r="B21" s="9"/>
      <c r="J21" s="9"/>
    </row>
    <row r="22" spans="2:10">
      <c r="B22" s="9"/>
      <c r="J22" s="9"/>
    </row>
    <row r="23" spans="2:10">
      <c r="B23" s="9"/>
      <c r="J23" s="9"/>
    </row>
    <row r="24" spans="2:10">
      <c r="B24" s="9"/>
      <c r="J24" s="9"/>
    </row>
    <row r="25" spans="2:10">
      <c r="B25" s="9"/>
      <c r="J25" s="9"/>
    </row>
    <row r="26" spans="2:10">
      <c r="B26" s="9"/>
      <c r="J26" s="9"/>
    </row>
    <row r="27" spans="2:10">
      <c r="B27" s="9"/>
      <c r="J27" s="9"/>
    </row>
    <row r="28" spans="2:10">
      <c r="B28" s="9"/>
      <c r="J28" s="9"/>
    </row>
    <row r="29" spans="2:10">
      <c r="B29" s="9"/>
      <c r="J29" s="9"/>
    </row>
    <row r="30" spans="2:10">
      <c r="B30" s="9"/>
      <c r="J30" s="9"/>
    </row>
    <row r="31" spans="2:10">
      <c r="B31" s="9"/>
      <c r="J31" s="9"/>
    </row>
    <row r="32" spans="2:10">
      <c r="B32" s="9"/>
      <c r="J32" s="9"/>
    </row>
    <row r="33" spans="2:10">
      <c r="B33" s="9"/>
      <c r="J33" s="9"/>
    </row>
    <row r="34" spans="2:10">
      <c r="B34" s="9"/>
      <c r="J34" s="9"/>
    </row>
    <row r="35" spans="2:10" ht="10.5" customHeight="1">
      <c r="B35" s="9"/>
      <c r="C35" s="9"/>
      <c r="D35" s="9"/>
      <c r="E35" s="9"/>
      <c r="F35" s="9"/>
      <c r="G35" s="9"/>
      <c r="H35" s="9"/>
      <c r="I35" s="9"/>
      <c r="J35" s="9"/>
    </row>
  </sheetData>
  <sheetProtection algorithmName="SHA-512" hashValue="vXUY5VDrdIWigjCFugKPRw/2fsafdM+QF4tCDauJiyGrpG2GTXYbV2FyngbOmRisfO1BrPnhBl+DEkBw6PtMoQ==" saltValue="3kebzhYhdD8PfSYUy3VyFg==" spinCount="100000" sheet="1" scenarios="1"/>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7</vt:i4>
      </vt:variant>
      <vt:variant>
        <vt:lpstr>Named Ranges</vt:lpstr>
      </vt:variant>
      <vt:variant>
        <vt:i4>1</vt:i4>
      </vt:variant>
    </vt:vector>
  </HeadingPairs>
  <TitlesOfParts>
    <vt:vector size="8" baseType="lpstr">
      <vt:lpstr>Cover</vt:lpstr>
      <vt:lpstr>Version History</vt:lpstr>
      <vt:lpstr>Process Flow</vt:lpstr>
      <vt:lpstr>Rules &amp; Notes</vt:lpstr>
      <vt:lpstr>Invoice</vt:lpstr>
      <vt:lpstr>Credit Memo</vt:lpstr>
      <vt:lpstr>Closure Cover </vt:lpstr>
      <vt:lpstr>'Rules &amp; Notes'!_Toc523929910</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ao, Lakshmi</dc:creator>
  <cp:lastModifiedBy>Worth, Dean</cp:lastModifiedBy>
  <dcterms:created xsi:type="dcterms:W3CDTF">2018-06-22T02:18:52Z</dcterms:created>
  <dcterms:modified xsi:type="dcterms:W3CDTF">2019-03-08T03:50:05Z</dcterms:modified>
</cp:coreProperties>
</file>